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【済】\"/>
    </mc:Choice>
  </mc:AlternateContent>
  <bookViews>
    <workbookView xWindow="0" yWindow="0" windowWidth="15585" windowHeight="9330"/>
  </bookViews>
  <sheets>
    <sheet name="県境" sheetId="1" r:id="rId1"/>
    <sheet name="峰下橋" sheetId="2" r:id="rId2"/>
    <sheet name="十文字橋" sheetId="3" r:id="rId3"/>
    <sheet name="報徳橋" sheetId="4" r:id="rId4"/>
    <sheet name="飯泉取水堰（上）" sheetId="5" r:id="rId5"/>
    <sheet name="酒匂橋" sheetId="6" r:id="rId6"/>
    <sheet name="文久橋" sheetId="11" r:id="rId7"/>
    <sheet name="狩川橋" sheetId="12" r:id="rId8"/>
  </sheets>
  <calcPr calcId="0"/>
</workbook>
</file>

<file path=xl/sharedStrings.xml><?xml version="1.0" encoding="utf-8"?>
<sst xmlns="http://schemas.openxmlformats.org/spreadsheetml/2006/main" count="6317" uniqueCount="762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20</t>
  </si>
  <si>
    <t>晴れ</t>
  </si>
  <si>
    <t>降雨なし</t>
  </si>
  <si>
    <t>19.5</t>
  </si>
  <si>
    <t>14.8</t>
  </si>
  <si>
    <t>0.071</t>
  </si>
  <si>
    <t>0.86</t>
  </si>
  <si>
    <t>0.15</t>
  </si>
  <si>
    <t>0.77</t>
  </si>
  <si>
    <t>&gt;100</t>
  </si>
  <si>
    <t>通常の状況</t>
  </si>
  <si>
    <t>無色</t>
  </si>
  <si>
    <t>無臭</t>
  </si>
  <si>
    <t>7.9</t>
  </si>
  <si>
    <t>0.8</t>
  </si>
  <si>
    <t>1.2</t>
  </si>
  <si>
    <t>1</t>
  </si>
  <si>
    <t>2018/05/22</t>
  </si>
  <si>
    <t>23.5</t>
  </si>
  <si>
    <t>16.0</t>
  </si>
  <si>
    <t>0.068</t>
  </si>
  <si>
    <t>0.92</t>
  </si>
  <si>
    <t>0.16</t>
  </si>
  <si>
    <t>0.79</t>
  </si>
  <si>
    <t>8.2</t>
  </si>
  <si>
    <t>0.4</t>
  </si>
  <si>
    <t>1.0</t>
  </si>
  <si>
    <t>2018/06/05</t>
  </si>
  <si>
    <t>28.0</t>
  </si>
  <si>
    <t>17.2</t>
  </si>
  <si>
    <t>0.067</t>
  </si>
  <si>
    <t>0.87</t>
  </si>
  <si>
    <t>0.19</t>
  </si>
  <si>
    <t>0.95</t>
  </si>
  <si>
    <t>8.3</t>
  </si>
  <si>
    <t>0.7</t>
  </si>
  <si>
    <t>1.4</t>
  </si>
  <si>
    <t>2018/07/04</t>
  </si>
  <si>
    <t>曇り</t>
  </si>
  <si>
    <t>24.0</t>
  </si>
  <si>
    <t>21.5</t>
  </si>
  <si>
    <t>0.96</t>
  </si>
  <si>
    <t>0.82</t>
  </si>
  <si>
    <t>8.0</t>
  </si>
  <si>
    <t>0.9</t>
  </si>
  <si>
    <t>2018/08/21</t>
  </si>
  <si>
    <t>29.0</t>
  </si>
  <si>
    <t>20.0</t>
  </si>
  <si>
    <t>0.057</t>
  </si>
  <si>
    <t>0.64</t>
  </si>
  <si>
    <t>0.18</t>
  </si>
  <si>
    <t>8.1</t>
  </si>
  <si>
    <t>0.5</t>
  </si>
  <si>
    <t>&lt;1</t>
  </si>
  <si>
    <t>2018/09/20</t>
  </si>
  <si>
    <t>17.6</t>
  </si>
  <si>
    <t>0.064</t>
  </si>
  <si>
    <t>0.91</t>
  </si>
  <si>
    <t>2018/10/12</t>
  </si>
  <si>
    <t>22.3</t>
  </si>
  <si>
    <t>0.17</t>
  </si>
  <si>
    <t>0.10</t>
  </si>
  <si>
    <t>0.48</t>
  </si>
  <si>
    <t>0.6</t>
  </si>
  <si>
    <t>2018/11/08</t>
  </si>
  <si>
    <t>10.0</t>
  </si>
  <si>
    <t>13.2</t>
  </si>
  <si>
    <t>0.88</t>
  </si>
  <si>
    <t>0.05</t>
  </si>
  <si>
    <t>0.26</t>
  </si>
  <si>
    <t>1.1</t>
  </si>
  <si>
    <t>2018/12/05</t>
  </si>
  <si>
    <t>17.8</t>
  </si>
  <si>
    <t>15.2</t>
  </si>
  <si>
    <t>0.85</t>
  </si>
  <si>
    <t>0.06</t>
  </si>
  <si>
    <t>0.30</t>
  </si>
  <si>
    <t>1.7</t>
  </si>
  <si>
    <t>2019/01/09</t>
  </si>
  <si>
    <t>快晴</t>
  </si>
  <si>
    <t>4.0</t>
  </si>
  <si>
    <t>7.0</t>
  </si>
  <si>
    <t>0.11</t>
  </si>
  <si>
    <t>0.69</t>
  </si>
  <si>
    <t>0.56</t>
  </si>
  <si>
    <t>1.6</t>
  </si>
  <si>
    <t>2019/02/05</t>
  </si>
  <si>
    <t>6.8</t>
  </si>
  <si>
    <t>9.5</t>
  </si>
  <si>
    <t>0.49</t>
  </si>
  <si>
    <t>1.9</t>
  </si>
  <si>
    <t>2019/03/06</t>
  </si>
  <si>
    <t>11.0</t>
  </si>
  <si>
    <t>11.5</t>
  </si>
  <si>
    <t>0.12</t>
  </si>
  <si>
    <t>0.60</t>
  </si>
  <si>
    <t>0.13</t>
  </si>
  <si>
    <t>21.6</t>
  </si>
  <si>
    <t>14.1</t>
  </si>
  <si>
    <t>11</t>
  </si>
  <si>
    <t>0</t>
  </si>
  <si>
    <t>7.8</t>
  </si>
  <si>
    <t>3</t>
  </si>
  <si>
    <t>15.5</t>
  </si>
  <si>
    <t>9.3</t>
  </si>
  <si>
    <t>0.14</t>
  </si>
  <si>
    <t>25.8</t>
  </si>
  <si>
    <t>16.8</t>
  </si>
  <si>
    <t>6.7</t>
  </si>
  <si>
    <t>1.5</t>
  </si>
  <si>
    <t>24.5</t>
  </si>
  <si>
    <t>0.22</t>
  </si>
  <si>
    <t>27.0</t>
  </si>
  <si>
    <t>19.8</t>
  </si>
  <si>
    <t>0.68</t>
  </si>
  <si>
    <t>16.7</t>
  </si>
  <si>
    <t>13</t>
  </si>
  <si>
    <t>0.21</t>
  </si>
  <si>
    <t>1.3</t>
  </si>
  <si>
    <t>14.0</t>
  </si>
  <si>
    <t>13.0</t>
  </si>
  <si>
    <t>18.5</t>
  </si>
  <si>
    <t>14.5</t>
  </si>
  <si>
    <t>8.6</t>
  </si>
  <si>
    <t>1.8</t>
  </si>
  <si>
    <t>5.7</t>
  </si>
  <si>
    <t>0.24</t>
  </si>
  <si>
    <t>10.8</t>
  </si>
  <si>
    <t>9.8</t>
  </si>
  <si>
    <t>2</t>
  </si>
  <si>
    <t>11.8</t>
  </si>
  <si>
    <t>21.4</t>
  </si>
  <si>
    <t>15.7</t>
  </si>
  <si>
    <t>14</t>
  </si>
  <si>
    <t>21.8</t>
  </si>
  <si>
    <t>19.1</t>
  </si>
  <si>
    <t>9.9</t>
  </si>
  <si>
    <t>8.7</t>
  </si>
  <si>
    <t>20.9</t>
  </si>
  <si>
    <t>5.6</t>
  </si>
  <si>
    <t>9.1</t>
  </si>
  <si>
    <t>2.1</t>
  </si>
  <si>
    <t>22.5</t>
  </si>
  <si>
    <t>4.2</t>
  </si>
  <si>
    <t>24.9</t>
  </si>
  <si>
    <t>6.4</t>
  </si>
  <si>
    <t>8.5</t>
  </si>
  <si>
    <t>20.2</t>
  </si>
  <si>
    <t>19.0</t>
  </si>
  <si>
    <t>15</t>
  </si>
  <si>
    <t>0.28</t>
  </si>
  <si>
    <t>18.3</t>
  </si>
  <si>
    <t>23</t>
  </si>
  <si>
    <t>0.80</t>
  </si>
  <si>
    <t>56</t>
  </si>
  <si>
    <t>灰緑色・中</t>
  </si>
  <si>
    <t>8</t>
  </si>
  <si>
    <t>12.3</t>
  </si>
  <si>
    <t>10mm以上20mm未満</t>
  </si>
  <si>
    <t>18.2</t>
  </si>
  <si>
    <t>15.0</t>
  </si>
  <si>
    <t>9.0</t>
  </si>
  <si>
    <t>0.62</t>
  </si>
  <si>
    <t>6.5</t>
  </si>
  <si>
    <t>8.8</t>
  </si>
  <si>
    <t>0.32</t>
  </si>
  <si>
    <t>13.5</t>
  </si>
  <si>
    <t>0.23</t>
  </si>
  <si>
    <t>2018/04/11</t>
  </si>
  <si>
    <t>雨</t>
  </si>
  <si>
    <t>9.03</t>
  </si>
  <si>
    <t>5</t>
  </si>
  <si>
    <t>15.8</t>
  </si>
  <si>
    <t>9.99</t>
  </si>
  <si>
    <t>17.1</t>
  </si>
  <si>
    <t>14.2</t>
  </si>
  <si>
    <t>0.25</t>
  </si>
  <si>
    <t>2018/04/12</t>
  </si>
  <si>
    <t>16.6</t>
  </si>
  <si>
    <t>13.8</t>
  </si>
  <si>
    <t>10.94</t>
  </si>
  <si>
    <t>2018/05/16</t>
  </si>
  <si>
    <t>25.3</t>
  </si>
  <si>
    <t>21.1</t>
  </si>
  <si>
    <t>13.01</t>
  </si>
  <si>
    <t>0.08</t>
  </si>
  <si>
    <t>0.38</t>
  </si>
  <si>
    <t>26.5</t>
  </si>
  <si>
    <t>21.2</t>
  </si>
  <si>
    <t>12.98</t>
  </si>
  <si>
    <t>0.07</t>
  </si>
  <si>
    <t>0.33</t>
  </si>
  <si>
    <t>21.0</t>
  </si>
  <si>
    <t>12.95</t>
  </si>
  <si>
    <t>0.35</t>
  </si>
  <si>
    <t>2018/05/17</t>
  </si>
  <si>
    <t>16.9</t>
  </si>
  <si>
    <t>11.80</t>
  </si>
  <si>
    <t>0.36</t>
  </si>
  <si>
    <t>2018/06/06</t>
  </si>
  <si>
    <t>20.3</t>
  </si>
  <si>
    <t>6.18</t>
  </si>
  <si>
    <t>0.39</t>
  </si>
  <si>
    <t>8.9</t>
  </si>
  <si>
    <t>18.8</t>
  </si>
  <si>
    <t>9.94</t>
  </si>
  <si>
    <t>0.09</t>
  </si>
  <si>
    <t>0.47</t>
  </si>
  <si>
    <t>98</t>
  </si>
  <si>
    <t>黄色・淡（明）</t>
  </si>
  <si>
    <t>3.0</t>
  </si>
  <si>
    <t>18.4</t>
  </si>
  <si>
    <t>14.44</t>
  </si>
  <si>
    <t>49</t>
  </si>
  <si>
    <t>褐色・中</t>
  </si>
  <si>
    <t>7.7</t>
  </si>
  <si>
    <t>2.2</t>
  </si>
  <si>
    <t>4.9</t>
  </si>
  <si>
    <t>26</t>
  </si>
  <si>
    <t>2018/06/07</t>
  </si>
  <si>
    <t>17.9</t>
  </si>
  <si>
    <t>13.27</t>
  </si>
  <si>
    <t>44</t>
  </si>
  <si>
    <t>濁り多し（上流または近海で工事のため）</t>
  </si>
  <si>
    <t>4.4</t>
  </si>
  <si>
    <t>3.86</t>
  </si>
  <si>
    <t>0.34</t>
  </si>
  <si>
    <t>28.5</t>
  </si>
  <si>
    <t>23.1</t>
  </si>
  <si>
    <t>9.93</t>
  </si>
  <si>
    <t>8.4</t>
  </si>
  <si>
    <t>0.3</t>
  </si>
  <si>
    <t>27.5</t>
  </si>
  <si>
    <t>37.26</t>
  </si>
  <si>
    <t>41</t>
  </si>
  <si>
    <t>3.8</t>
  </si>
  <si>
    <t>27</t>
  </si>
  <si>
    <t>2018/07/05</t>
  </si>
  <si>
    <t>25.2</t>
  </si>
  <si>
    <t>22.1</t>
  </si>
  <si>
    <t>33.56</t>
  </si>
  <si>
    <t>0.37</t>
  </si>
  <si>
    <t>17</t>
  </si>
  <si>
    <t>褐色・濃（暗）</t>
  </si>
  <si>
    <t>5.5</t>
  </si>
  <si>
    <t>40</t>
  </si>
  <si>
    <t>2018/08/01</t>
  </si>
  <si>
    <t>34.6</t>
  </si>
  <si>
    <t>25.7</t>
  </si>
  <si>
    <t>14.35</t>
  </si>
  <si>
    <t>0.51</t>
  </si>
  <si>
    <t>褐色・淡（明）</t>
  </si>
  <si>
    <t>2.3</t>
  </si>
  <si>
    <t>6</t>
  </si>
  <si>
    <t>30.5</t>
  </si>
  <si>
    <t>26.3</t>
  </si>
  <si>
    <t>13.15</t>
  </si>
  <si>
    <t>0.53</t>
  </si>
  <si>
    <t>7</t>
  </si>
  <si>
    <t>28.3</t>
  </si>
  <si>
    <t>24.4</t>
  </si>
  <si>
    <t>11.95</t>
  </si>
  <si>
    <t>0.54</t>
  </si>
  <si>
    <t>39</t>
  </si>
  <si>
    <t>0.2</t>
  </si>
  <si>
    <t>2.0</t>
  </si>
  <si>
    <t>2018/08/02</t>
  </si>
  <si>
    <t>26.8</t>
  </si>
  <si>
    <t>22.7</t>
  </si>
  <si>
    <t>11.97</t>
  </si>
  <si>
    <t>0.52</t>
  </si>
  <si>
    <t>37</t>
  </si>
  <si>
    <t>2018/09/12</t>
  </si>
  <si>
    <t>23.9</t>
  </si>
  <si>
    <t>20.4</t>
  </si>
  <si>
    <t>24.74</t>
  </si>
  <si>
    <t>0.63</t>
  </si>
  <si>
    <t>4</t>
  </si>
  <si>
    <t>23.24</t>
  </si>
  <si>
    <t>0.65</t>
  </si>
  <si>
    <t>19.2</t>
  </si>
  <si>
    <t>21.77</t>
  </si>
  <si>
    <t>0.66</t>
  </si>
  <si>
    <t>88</t>
  </si>
  <si>
    <t>灰色・淡（明）</t>
  </si>
  <si>
    <t>2018/09/13</t>
  </si>
  <si>
    <t>17.5</t>
  </si>
  <si>
    <t>21.79</t>
  </si>
  <si>
    <t>75</t>
  </si>
  <si>
    <t>2018/10/10</t>
  </si>
  <si>
    <t>26.79</t>
  </si>
  <si>
    <t>36</t>
  </si>
  <si>
    <t>25.5</t>
  </si>
  <si>
    <t>26.85</t>
  </si>
  <si>
    <t>18.6</t>
  </si>
  <si>
    <t>25.25</t>
  </si>
  <si>
    <t>42</t>
  </si>
  <si>
    <t>2018/10/11</t>
  </si>
  <si>
    <t>25.34</t>
  </si>
  <si>
    <t>2018/11/07</t>
  </si>
  <si>
    <t>20.1</t>
  </si>
  <si>
    <t>17.7</t>
  </si>
  <si>
    <t>9.97</t>
  </si>
  <si>
    <t>0.04</t>
  </si>
  <si>
    <t>17.0</t>
  </si>
  <si>
    <t>9.96</t>
  </si>
  <si>
    <t>15.6</t>
  </si>
  <si>
    <t>0.20</t>
  </si>
  <si>
    <t>10.5</t>
  </si>
  <si>
    <t>14.6</t>
  </si>
  <si>
    <t>19.3</t>
  </si>
  <si>
    <t>16.5</t>
  </si>
  <si>
    <t>0.29</t>
  </si>
  <si>
    <t>15.9</t>
  </si>
  <si>
    <t>9.00</t>
  </si>
  <si>
    <t>15.1</t>
  </si>
  <si>
    <t>14.7</t>
  </si>
  <si>
    <t>2018/12/06</t>
  </si>
  <si>
    <t>11.4</t>
  </si>
  <si>
    <t>8.98</t>
  </si>
  <si>
    <t>2.8</t>
  </si>
  <si>
    <t>6.3</t>
  </si>
  <si>
    <t>9.64</t>
  </si>
  <si>
    <t>6.0</t>
  </si>
  <si>
    <t>10.6</t>
  </si>
  <si>
    <t>9.58</t>
  </si>
  <si>
    <t>9.56</t>
  </si>
  <si>
    <t>0.31</t>
  </si>
  <si>
    <t>2019/01/10</t>
  </si>
  <si>
    <t>-0.8</t>
  </si>
  <si>
    <t>9.54</t>
  </si>
  <si>
    <t>2019/02/13</t>
  </si>
  <si>
    <t>10.97</t>
  </si>
  <si>
    <t>7.4</t>
  </si>
  <si>
    <t>3.9</t>
  </si>
  <si>
    <t>2019/02/14</t>
  </si>
  <si>
    <t>7.5</t>
  </si>
  <si>
    <t>10.96</t>
  </si>
  <si>
    <t>12.9</t>
  </si>
  <si>
    <t>13.14</t>
  </si>
  <si>
    <t>11.9</t>
  </si>
  <si>
    <t>13.1</t>
  </si>
  <si>
    <t>14.29</t>
  </si>
  <si>
    <t>78</t>
  </si>
  <si>
    <t>ゴミ、浮遊物多し</t>
  </si>
  <si>
    <t>10.4</t>
  </si>
  <si>
    <t>2019/03/07</t>
  </si>
  <si>
    <t>13.11</t>
  </si>
  <si>
    <t>16.1</t>
  </si>
  <si>
    <t>16.30</t>
  </si>
  <si>
    <t>1.45</t>
  </si>
  <si>
    <t>18.67</t>
  </si>
  <si>
    <t>19.08</t>
  </si>
  <si>
    <t>18.97</t>
  </si>
  <si>
    <t>25.0</t>
  </si>
  <si>
    <t>30.08</t>
  </si>
  <si>
    <t>30.2</t>
  </si>
  <si>
    <t>29.91</t>
  </si>
  <si>
    <t>21.7</t>
  </si>
  <si>
    <t>30.95</t>
  </si>
  <si>
    <t>20.8</t>
  </si>
  <si>
    <t>28.86</t>
  </si>
  <si>
    <t>17.39</t>
  </si>
  <si>
    <t>18.7</t>
  </si>
  <si>
    <t>19.7</t>
  </si>
  <si>
    <t>27.25</t>
  </si>
  <si>
    <t>18.9</t>
  </si>
  <si>
    <t>32.53</t>
  </si>
  <si>
    <t>90</t>
  </si>
  <si>
    <t>3.1</t>
  </si>
  <si>
    <t>9</t>
  </si>
  <si>
    <t>31.17</t>
  </si>
  <si>
    <t>80</t>
  </si>
  <si>
    <t>2.7</t>
  </si>
  <si>
    <t>27.1</t>
  </si>
  <si>
    <t>23.2</t>
  </si>
  <si>
    <t>12.89</t>
  </si>
  <si>
    <t>30.3</t>
  </si>
  <si>
    <t>24.8</t>
  </si>
  <si>
    <t>15.09</t>
  </si>
  <si>
    <t>28.7</t>
  </si>
  <si>
    <t>23.4</t>
  </si>
  <si>
    <t>28.87</t>
  </si>
  <si>
    <t>83</t>
  </si>
  <si>
    <t>2.6</t>
  </si>
  <si>
    <t>22.6</t>
  </si>
  <si>
    <t>63.25</t>
  </si>
  <si>
    <t>5.4</t>
  </si>
  <si>
    <t>48</t>
  </si>
  <si>
    <t>31.5</t>
  </si>
  <si>
    <t>24.3</t>
  </si>
  <si>
    <t>32.69</t>
  </si>
  <si>
    <t>45</t>
  </si>
  <si>
    <t>33.5</t>
  </si>
  <si>
    <t>31.47</t>
  </si>
  <si>
    <t>55</t>
  </si>
  <si>
    <t>29.8</t>
  </si>
  <si>
    <t>31.41</t>
  </si>
  <si>
    <t>26.7</t>
  </si>
  <si>
    <t>30.53</t>
  </si>
  <si>
    <t>20.6</t>
  </si>
  <si>
    <t>52.41</t>
  </si>
  <si>
    <t>23.8</t>
  </si>
  <si>
    <t>51.06</t>
  </si>
  <si>
    <t>69</t>
  </si>
  <si>
    <t>19.9</t>
  </si>
  <si>
    <t>19.6</t>
  </si>
  <si>
    <t>45.64</t>
  </si>
  <si>
    <t>76</t>
  </si>
  <si>
    <t>44.64</t>
  </si>
  <si>
    <t>74</t>
  </si>
  <si>
    <t>41.31</t>
  </si>
  <si>
    <t>26.1</t>
  </si>
  <si>
    <t>38.72</t>
  </si>
  <si>
    <t>34</t>
  </si>
  <si>
    <t>38.42</t>
  </si>
  <si>
    <t>40.00</t>
  </si>
  <si>
    <t>15.25</t>
  </si>
  <si>
    <t>14.03</t>
  </si>
  <si>
    <t>16.4</t>
  </si>
  <si>
    <t>15.05</t>
  </si>
  <si>
    <t>12.1</t>
  </si>
  <si>
    <t>14.50</t>
  </si>
  <si>
    <t>13.69</t>
  </si>
  <si>
    <t>12.91</t>
  </si>
  <si>
    <t>58</t>
  </si>
  <si>
    <t>4.6</t>
  </si>
  <si>
    <t>25</t>
  </si>
  <si>
    <t>12.17</t>
  </si>
  <si>
    <t>12.7</t>
  </si>
  <si>
    <t>14.9</t>
  </si>
  <si>
    <t>12.64</t>
  </si>
  <si>
    <t>2.9</t>
  </si>
  <si>
    <t>7.2</t>
  </si>
  <si>
    <t>14.20</t>
  </si>
  <si>
    <t>10.3</t>
  </si>
  <si>
    <t>13.70</t>
  </si>
  <si>
    <t>9.2</t>
  </si>
  <si>
    <t>13.72</t>
  </si>
  <si>
    <t>13.91</t>
  </si>
  <si>
    <t>11.41</t>
  </si>
  <si>
    <t>12.67</t>
  </si>
  <si>
    <t>5.0</t>
  </si>
  <si>
    <t>9.4</t>
  </si>
  <si>
    <t>12.77</t>
  </si>
  <si>
    <t>13.03</t>
  </si>
  <si>
    <t>12.4</t>
  </si>
  <si>
    <t>13.28</t>
  </si>
  <si>
    <t>15.4</t>
  </si>
  <si>
    <t>11.53</t>
  </si>
  <si>
    <t>84</t>
  </si>
  <si>
    <t>13.6</t>
  </si>
  <si>
    <t>13.05</t>
  </si>
  <si>
    <t>12.0</t>
  </si>
  <si>
    <t>16.75</t>
  </si>
  <si>
    <t>16.3</t>
  </si>
  <si>
    <t>14.3</t>
  </si>
  <si>
    <t>9.19</t>
  </si>
  <si>
    <t>11.75</t>
  </si>
  <si>
    <t>94</t>
  </si>
  <si>
    <t>11.83</t>
  </si>
  <si>
    <t>12.33</t>
  </si>
  <si>
    <t>22.36</t>
  </si>
  <si>
    <t>0.50</t>
  </si>
  <si>
    <t>29.9</t>
  </si>
  <si>
    <t>23.6</t>
  </si>
  <si>
    <t>22.69</t>
  </si>
  <si>
    <t>23.81</t>
  </si>
  <si>
    <t>21.89</t>
  </si>
  <si>
    <t>10.56</t>
  </si>
  <si>
    <t>0.42</t>
  </si>
  <si>
    <t>21.28</t>
  </si>
  <si>
    <t>54</t>
  </si>
  <si>
    <t>24.36</t>
  </si>
  <si>
    <t>87</t>
  </si>
  <si>
    <t>3.4</t>
  </si>
  <si>
    <t>22.14</t>
  </si>
  <si>
    <t>10</t>
  </si>
  <si>
    <t>5.17</t>
  </si>
  <si>
    <t>24.7</t>
  </si>
  <si>
    <t>23.3</t>
  </si>
  <si>
    <t>21.03</t>
  </si>
  <si>
    <t>93</t>
  </si>
  <si>
    <t>26.4</t>
  </si>
  <si>
    <t>22.4</t>
  </si>
  <si>
    <t>55.69</t>
  </si>
  <si>
    <t>33.1</t>
  </si>
  <si>
    <t>25.39</t>
  </si>
  <si>
    <t>0.41</t>
  </si>
  <si>
    <t>64</t>
  </si>
  <si>
    <t>33.2</t>
  </si>
  <si>
    <t>28.9</t>
  </si>
  <si>
    <t>24.78</t>
  </si>
  <si>
    <t>65</t>
  </si>
  <si>
    <t>2.5</t>
  </si>
  <si>
    <t>29.5</t>
  </si>
  <si>
    <t>23.83</t>
  </si>
  <si>
    <t>57</t>
  </si>
  <si>
    <t>26.6</t>
  </si>
  <si>
    <t>23.67</t>
  </si>
  <si>
    <t>23.0</t>
  </si>
  <si>
    <t>44.69</t>
  </si>
  <si>
    <t>43.81</t>
  </si>
  <si>
    <t>77</t>
  </si>
  <si>
    <t>39.19</t>
  </si>
  <si>
    <t>0.55</t>
  </si>
  <si>
    <t>37.64</t>
  </si>
  <si>
    <t>29.64</t>
  </si>
  <si>
    <t>0.73</t>
  </si>
  <si>
    <t>22.2</t>
  </si>
  <si>
    <t>28.78</t>
  </si>
  <si>
    <t>28.56</t>
  </si>
  <si>
    <t>50</t>
  </si>
  <si>
    <t>29.75</t>
  </si>
  <si>
    <t>52</t>
  </si>
  <si>
    <t>7.08</t>
  </si>
  <si>
    <t>5.31</t>
  </si>
  <si>
    <t>5.83</t>
  </si>
  <si>
    <t>5.72</t>
  </si>
  <si>
    <t>18.1</t>
  </si>
  <si>
    <t>4.94</t>
  </si>
  <si>
    <t>4.81</t>
  </si>
  <si>
    <t>12.5</t>
  </si>
  <si>
    <t>5.42</t>
  </si>
  <si>
    <t>0.45</t>
  </si>
  <si>
    <t>6.1</t>
  </si>
  <si>
    <t>2.97</t>
  </si>
  <si>
    <t>10.1</t>
  </si>
  <si>
    <t>2.78</t>
  </si>
  <si>
    <t>2.47</t>
  </si>
  <si>
    <t>2.33</t>
  </si>
  <si>
    <t>2.4</t>
  </si>
  <si>
    <t>3.19</t>
  </si>
  <si>
    <t>7.6</t>
  </si>
  <si>
    <t>10.2</t>
  </si>
  <si>
    <t>3.64</t>
  </si>
  <si>
    <t>5.2</t>
  </si>
  <si>
    <t>3.36</t>
  </si>
  <si>
    <t>3.17</t>
  </si>
  <si>
    <t>11.6</t>
  </si>
  <si>
    <t>1.81</t>
  </si>
  <si>
    <t>12.2</t>
  </si>
  <si>
    <t>2.92</t>
  </si>
  <si>
    <t>0.43</t>
  </si>
  <si>
    <t>2.16</t>
  </si>
  <si>
    <t>4.97</t>
  </si>
  <si>
    <t>1.75</t>
  </si>
  <si>
    <t>12.6</t>
  </si>
  <si>
    <t>7.97</t>
  </si>
  <si>
    <t>1.90</t>
  </si>
  <si>
    <t>0.61</t>
  </si>
  <si>
    <t>0.02</t>
  </si>
  <si>
    <t>0.57</t>
  </si>
  <si>
    <t>24.2</t>
  </si>
  <si>
    <t>0.01</t>
  </si>
  <si>
    <t>21.9</t>
  </si>
  <si>
    <t>25.4</t>
  </si>
  <si>
    <t>0.03</t>
  </si>
  <si>
    <t>7.3</t>
  </si>
  <si>
    <t>7.26</t>
  </si>
  <si>
    <t>0.40</t>
  </si>
  <si>
    <t>7.76</t>
  </si>
  <si>
    <t>7.88</t>
  </si>
  <si>
    <t>0.44</t>
  </si>
  <si>
    <t>7.69</t>
  </si>
  <si>
    <t>9.44</t>
  </si>
  <si>
    <t>8.46</t>
  </si>
  <si>
    <t>8.74</t>
  </si>
  <si>
    <t>8.50</t>
  </si>
  <si>
    <t>61</t>
  </si>
  <si>
    <t>4.3</t>
  </si>
  <si>
    <t>62</t>
  </si>
  <si>
    <t>3.6</t>
  </si>
  <si>
    <t>5.59</t>
  </si>
  <si>
    <t>28.8</t>
  </si>
  <si>
    <t>5.88</t>
  </si>
  <si>
    <t>27.7</t>
  </si>
  <si>
    <t>5.98</t>
  </si>
  <si>
    <t>5.78</t>
  </si>
  <si>
    <t>0.90</t>
  </si>
  <si>
    <t>89</t>
  </si>
  <si>
    <t>32.1</t>
  </si>
  <si>
    <t>27.6</t>
  </si>
  <si>
    <t>0.72</t>
  </si>
  <si>
    <t>81</t>
  </si>
  <si>
    <t>0.75</t>
  </si>
  <si>
    <t>73</t>
  </si>
  <si>
    <t>0.74</t>
  </si>
  <si>
    <t>85</t>
  </si>
  <si>
    <t>3.63</t>
  </si>
  <si>
    <t>3.83</t>
  </si>
  <si>
    <t>0.59</t>
  </si>
  <si>
    <t>16.2</t>
  </si>
  <si>
    <t>0.27</t>
  </si>
  <si>
    <t>3.98</t>
  </si>
  <si>
    <t>11.1</t>
  </si>
  <si>
    <t>3.80</t>
  </si>
  <si>
    <t>18.0</t>
  </si>
  <si>
    <t>3.26</t>
  </si>
  <si>
    <t>3.38</t>
  </si>
  <si>
    <t>3.35</t>
  </si>
  <si>
    <t>3.27</t>
  </si>
  <si>
    <t>11.2</t>
  </si>
  <si>
    <t>3.74</t>
  </si>
  <si>
    <t>3.48</t>
  </si>
  <si>
    <t>3.59</t>
  </si>
  <si>
    <t>3.50</t>
  </si>
  <si>
    <t>3.23</t>
  </si>
  <si>
    <t>0.71</t>
  </si>
  <si>
    <t>7.1</t>
  </si>
  <si>
    <t>3.07</t>
  </si>
  <si>
    <t>3.20</t>
  </si>
  <si>
    <t>9.7</t>
  </si>
  <si>
    <t>0.70</t>
  </si>
  <si>
    <t>12.8</t>
  </si>
  <si>
    <t>2.15</t>
  </si>
  <si>
    <t>2.37</t>
  </si>
  <si>
    <t>0.58</t>
  </si>
  <si>
    <t>2.49</t>
  </si>
  <si>
    <t>2.45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酒匂川</t>
  </si>
  <si>
    <t>県境(14-017-60)</t>
  </si>
  <si>
    <t>河川A</t>
  </si>
  <si>
    <t>神奈川県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0mm以上5mm未満</t>
  </si>
  <si>
    <t>5mm以上10mm未満</t>
  </si>
  <si>
    <t>峰下橋(14-017-55)</t>
  </si>
  <si>
    <t>十文字橋(14-017-52)</t>
  </si>
  <si>
    <t>左岸</t>
  </si>
  <si>
    <t>報徳橋(14-017-51)</t>
  </si>
  <si>
    <t>小田原市</t>
  </si>
  <si>
    <t>飯泉取水堰（上）(14-017-01)</t>
  </si>
  <si>
    <t>酒匂橋(14-035-01)</t>
  </si>
  <si>
    <t>河川B</t>
  </si>
  <si>
    <t>酒匂川(川音川)</t>
  </si>
  <si>
    <t>文久橋(14-017-54)</t>
  </si>
  <si>
    <t>酒匂川(狩川)</t>
  </si>
  <si>
    <t>狩川橋(14-017-53)</t>
  </si>
  <si>
    <t>ｎ-ヘキサン抽出物質</t>
  </si>
  <si>
    <t>鉛</t>
  </si>
  <si>
    <t>MPN/100mL</t>
  </si>
  <si>
    <t>&lt;0.0003</t>
  </si>
  <si>
    <t>&lt;0.01</t>
  </si>
  <si>
    <t>&lt;0.0005</t>
  </si>
  <si>
    <t>&lt;0.02</t>
  </si>
  <si>
    <t>&lt;0.0001</t>
  </si>
  <si>
    <t>&lt;0.0002</t>
  </si>
  <si>
    <t>&lt;0.5</t>
  </si>
  <si>
    <t>1，3-ジクロロプロペン</t>
  </si>
  <si>
    <t>銅</t>
  </si>
  <si>
    <t>溶解性鉄</t>
  </si>
  <si>
    <t>&lt;0.08</t>
  </si>
  <si>
    <t>&lt;0.005</t>
  </si>
  <si>
    <t>&lt;0.05</t>
  </si>
  <si>
    <t>&lt;0.0004</t>
  </si>
  <si>
    <t>有機りん</t>
  </si>
  <si>
    <t>mS/m</t>
  </si>
  <si>
    <t>‰</t>
  </si>
  <si>
    <t>&lt;0.04</t>
  </si>
  <si>
    <t>&lt;0.001</t>
  </si>
  <si>
    <t>&lt;0.03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LAS</t>
    <phoneticPr fontId="18"/>
  </si>
  <si>
    <t/>
  </si>
  <si>
    <t>&lt;0.00006</t>
  </si>
  <si>
    <t>0.0010</t>
  </si>
  <si>
    <t>0.0013</t>
  </si>
  <si>
    <t>&lt;0.0006</t>
  </si>
  <si>
    <t>0.0026</t>
  </si>
  <si>
    <t>0.0006</t>
  </si>
  <si>
    <t>0.001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62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694</v>
      </c>
      <c r="E1" s="1" t="s">
        <v>2</v>
      </c>
      <c r="F1" s="1" t="s">
        <v>695</v>
      </c>
      <c r="G1" s="1" t="s">
        <v>3</v>
      </c>
      <c r="H1" s="1" t="s">
        <v>69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5</v>
      </c>
      <c r="AB2" s="1" t="s">
        <v>751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49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416666666666669</v>
      </c>
      <c r="C4" s="1" t="s">
        <v>704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3</v>
      </c>
      <c r="K4" s="1" t="s">
        <v>34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40</v>
      </c>
      <c r="S4" s="1" t="s">
        <v>41</v>
      </c>
      <c r="T4" s="1" t="s">
        <v>42</v>
      </c>
      <c r="U4" s="1">
        <v>9.4</v>
      </c>
      <c r="V4" s="3">
        <v>13000</v>
      </c>
      <c r="W4" s="1"/>
      <c r="X4" s="1">
        <v>1</v>
      </c>
      <c r="Y4" s="1">
        <v>0.19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723</v>
      </c>
      <c r="BC4" s="1">
        <v>0.92</v>
      </c>
      <c r="BD4" s="1">
        <v>0.97</v>
      </c>
      <c r="BE4" s="1"/>
      <c r="BF4" s="1"/>
      <c r="BG4" s="1"/>
      <c r="BH4" s="1"/>
      <c r="BI4" s="1"/>
      <c r="BJ4" s="1"/>
      <c r="BK4" s="1"/>
      <c r="BL4" s="1"/>
      <c r="BM4" s="1" t="s">
        <v>739</v>
      </c>
      <c r="BN4" s="1">
        <v>0.19</v>
      </c>
      <c r="BO4" s="1">
        <v>17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3</v>
      </c>
      <c r="B5" s="2">
        <v>0.35416666666666669</v>
      </c>
      <c r="C5" s="1" t="s">
        <v>704</v>
      </c>
      <c r="D5" s="1" t="s">
        <v>27</v>
      </c>
      <c r="E5" s="1" t="s">
        <v>28</v>
      </c>
      <c r="F5" s="1" t="s">
        <v>44</v>
      </c>
      <c r="G5" s="1" t="s">
        <v>45</v>
      </c>
      <c r="H5" s="1" t="s">
        <v>46</v>
      </c>
      <c r="I5" s="1" t="s">
        <v>47</v>
      </c>
      <c r="J5" s="1" t="s">
        <v>48</v>
      </c>
      <c r="K5" s="1" t="s">
        <v>49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50</v>
      </c>
      <c r="R5" s="1" t="s">
        <v>51</v>
      </c>
      <c r="S5" s="1" t="s">
        <v>52</v>
      </c>
      <c r="U5" s="1">
        <v>11.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8</v>
      </c>
      <c r="BP5" s="1">
        <v>8.3000000000000007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5416666666666669</v>
      </c>
      <c r="C6" s="1" t="s">
        <v>704</v>
      </c>
      <c r="D6" s="1" t="s">
        <v>27</v>
      </c>
      <c r="E6" s="1" t="s">
        <v>28</v>
      </c>
      <c r="F6" s="1" t="s">
        <v>54</v>
      </c>
      <c r="G6" s="1" t="s">
        <v>55</v>
      </c>
      <c r="H6" s="1" t="s">
        <v>56</v>
      </c>
      <c r="I6" s="1" t="s">
        <v>57</v>
      </c>
      <c r="J6" s="1" t="s">
        <v>58</v>
      </c>
      <c r="K6" s="1" t="s">
        <v>59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60</v>
      </c>
      <c r="R6" s="1" t="s">
        <v>61</v>
      </c>
      <c r="S6" s="1" t="s">
        <v>62</v>
      </c>
      <c r="T6" s="1" t="s">
        <v>42</v>
      </c>
      <c r="U6" s="1">
        <v>10.9</v>
      </c>
      <c r="V6" s="3">
        <v>7900</v>
      </c>
      <c r="W6" s="1"/>
      <c r="X6" s="1">
        <v>0.88</v>
      </c>
      <c r="Y6" s="1">
        <v>0.1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723</v>
      </c>
      <c r="BC6" s="1">
        <v>0.71</v>
      </c>
      <c r="BD6" s="1">
        <v>0.76</v>
      </c>
      <c r="BE6" s="1"/>
      <c r="BF6" s="1"/>
      <c r="BG6" s="1"/>
      <c r="BH6" s="1"/>
      <c r="BI6" s="1"/>
      <c r="BJ6" s="1"/>
      <c r="BK6" s="1"/>
      <c r="BL6" s="1"/>
      <c r="BM6" s="1" t="s">
        <v>739</v>
      </c>
      <c r="BN6" s="1">
        <v>0.12</v>
      </c>
      <c r="BO6" s="1">
        <v>17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63</v>
      </c>
      <c r="B7" s="2">
        <v>0.33333333333333331</v>
      </c>
      <c r="C7" s="1" t="s">
        <v>704</v>
      </c>
      <c r="D7" s="1" t="s">
        <v>64</v>
      </c>
      <c r="E7" s="1" t="s">
        <v>28</v>
      </c>
      <c r="F7" s="1" t="s">
        <v>65</v>
      </c>
      <c r="G7" s="1" t="s">
        <v>66</v>
      </c>
      <c r="H7" s="1" t="s">
        <v>56</v>
      </c>
      <c r="I7" s="1" t="s">
        <v>67</v>
      </c>
      <c r="J7" s="1" t="s">
        <v>48</v>
      </c>
      <c r="K7" s="1" t="s">
        <v>68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69</v>
      </c>
      <c r="R7" s="1" t="s">
        <v>70</v>
      </c>
      <c r="S7" s="1" t="s">
        <v>41</v>
      </c>
      <c r="U7" s="1">
        <v>8.6999999999999993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724</v>
      </c>
      <c r="AV7" s="1" t="s">
        <v>722</v>
      </c>
      <c r="AW7" s="1" t="s">
        <v>722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1</v>
      </c>
      <c r="B8" s="2">
        <v>0.35416666666666669</v>
      </c>
      <c r="C8" s="1" t="s">
        <v>704</v>
      </c>
      <c r="D8" s="1" t="s">
        <v>27</v>
      </c>
      <c r="E8" s="1" t="s">
        <v>28</v>
      </c>
      <c r="F8" s="1" t="s">
        <v>72</v>
      </c>
      <c r="G8" s="1" t="s">
        <v>73</v>
      </c>
      <c r="H8" s="1" t="s">
        <v>74</v>
      </c>
      <c r="I8" s="1" t="s">
        <v>75</v>
      </c>
      <c r="J8" s="1" t="s">
        <v>76</v>
      </c>
      <c r="K8" s="1" t="s">
        <v>47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77</v>
      </c>
      <c r="R8" s="1" t="s">
        <v>78</v>
      </c>
      <c r="S8" s="1" t="s">
        <v>70</v>
      </c>
      <c r="T8" s="1" t="s">
        <v>79</v>
      </c>
      <c r="U8" s="1">
        <v>12.3</v>
      </c>
      <c r="V8" s="3">
        <v>94000</v>
      </c>
      <c r="W8" s="1"/>
      <c r="X8" s="1">
        <v>1.1000000000000001</v>
      </c>
      <c r="Y8" s="1">
        <v>0.21</v>
      </c>
      <c r="Z8" s="1"/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 t="s">
        <v>726</v>
      </c>
      <c r="AL8" s="1" t="s">
        <v>726</v>
      </c>
      <c r="AM8" s="1" t="s">
        <v>726</v>
      </c>
      <c r="AN8" s="1" t="s">
        <v>726</v>
      </c>
      <c r="AO8" s="1" t="s">
        <v>726</v>
      </c>
      <c r="AP8" t="s">
        <v>726</v>
      </c>
      <c r="AQ8" s="1" t="s">
        <v>726</v>
      </c>
      <c r="AR8" s="1" t="s">
        <v>726</v>
      </c>
      <c r="AS8" s="1" t="s">
        <v>726</v>
      </c>
      <c r="AT8" s="1" t="s">
        <v>727</v>
      </c>
      <c r="AU8" s="1"/>
      <c r="AV8" s="1"/>
      <c r="AW8" s="1"/>
      <c r="AX8" s="1" t="s">
        <v>726</v>
      </c>
      <c r="AY8" s="1" t="s">
        <v>724</v>
      </c>
      <c r="AZ8" s="1" t="s">
        <v>732</v>
      </c>
      <c r="BA8" s="1">
        <v>1.4999999999999999E-2</v>
      </c>
      <c r="BB8" s="1" t="s">
        <v>723</v>
      </c>
      <c r="BC8" s="1">
        <v>1</v>
      </c>
      <c r="BD8" s="1">
        <v>1</v>
      </c>
      <c r="BE8" s="1" t="s">
        <v>733</v>
      </c>
      <c r="BF8" s="1"/>
      <c r="BG8" s="1"/>
      <c r="BH8" s="1"/>
      <c r="BI8" s="1"/>
      <c r="BJ8" s="1"/>
      <c r="BK8" s="1"/>
      <c r="BL8" s="1"/>
      <c r="BM8" s="1">
        <v>0.04</v>
      </c>
      <c r="BN8" s="1">
        <v>0.2</v>
      </c>
      <c r="BO8" s="1">
        <v>18</v>
      </c>
      <c r="BP8" s="1">
        <v>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80</v>
      </c>
      <c r="B9" s="2">
        <v>0.35416666666666669</v>
      </c>
      <c r="C9" s="1" t="s">
        <v>704</v>
      </c>
      <c r="D9" s="1" t="s">
        <v>64</v>
      </c>
      <c r="E9" s="1" t="s">
        <v>28</v>
      </c>
      <c r="F9" s="1" t="s">
        <v>29</v>
      </c>
      <c r="G9" s="1" t="s">
        <v>81</v>
      </c>
      <c r="H9" s="1" t="s">
        <v>82</v>
      </c>
      <c r="I9" s="1" t="s">
        <v>83</v>
      </c>
      <c r="J9" s="1" t="s">
        <v>76</v>
      </c>
      <c r="K9" s="1" t="s">
        <v>83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69</v>
      </c>
      <c r="R9" s="1" t="s">
        <v>78</v>
      </c>
      <c r="S9" s="1" t="s">
        <v>70</v>
      </c>
      <c r="U9" s="1">
        <v>9.5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754</v>
      </c>
      <c r="BF9" s="1"/>
      <c r="BG9" s="1"/>
      <c r="BH9" s="1"/>
      <c r="BI9" s="1"/>
      <c r="BJ9" s="1"/>
      <c r="BK9" s="1"/>
      <c r="BL9" s="1"/>
      <c r="BM9" s="1"/>
      <c r="BN9" s="1"/>
      <c r="BO9" s="1">
        <v>17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3611111111111111</v>
      </c>
      <c r="C10" s="1" t="s">
        <v>704</v>
      </c>
      <c r="D10" s="1" t="s">
        <v>64</v>
      </c>
      <c r="E10" s="1" t="s">
        <v>705</v>
      </c>
      <c r="F10" s="1" t="s">
        <v>85</v>
      </c>
      <c r="G10" s="1" t="s">
        <v>81</v>
      </c>
      <c r="H10" s="1" t="s">
        <v>86</v>
      </c>
      <c r="I10" s="1" t="s">
        <v>52</v>
      </c>
      <c r="J10" s="1" t="s">
        <v>87</v>
      </c>
      <c r="K10" s="1" t="s">
        <v>88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89</v>
      </c>
      <c r="S10" s="1" t="s">
        <v>52</v>
      </c>
      <c r="T10" s="1" t="s">
        <v>42</v>
      </c>
      <c r="U10" s="1">
        <v>10.3</v>
      </c>
      <c r="V10" s="3">
        <v>22000</v>
      </c>
      <c r="W10" s="1"/>
      <c r="X10" s="1">
        <v>0.98</v>
      </c>
      <c r="Y10" s="1">
        <v>0.15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723</v>
      </c>
      <c r="BC10" s="1">
        <v>0.85</v>
      </c>
      <c r="BD10" s="1">
        <v>0.9</v>
      </c>
      <c r="BE10" s="1" t="s">
        <v>754</v>
      </c>
      <c r="BF10" s="1" t="s">
        <v>733</v>
      </c>
      <c r="BG10" s="1">
        <v>1E-3</v>
      </c>
      <c r="BH10" s="1" t="s">
        <v>725</v>
      </c>
      <c r="BI10" s="1" t="s">
        <v>723</v>
      </c>
      <c r="BJ10" s="1"/>
      <c r="BK10" s="1"/>
      <c r="BL10" s="1" t="s">
        <v>740</v>
      </c>
      <c r="BM10" s="1" t="s">
        <v>739</v>
      </c>
      <c r="BN10" s="1">
        <v>0.14000000000000001</v>
      </c>
      <c r="BO10" s="1">
        <v>17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3611111111111111</v>
      </c>
      <c r="C11" s="1" t="s">
        <v>704</v>
      </c>
      <c r="D11" s="1" t="s">
        <v>27</v>
      </c>
      <c r="E11" s="1" t="s">
        <v>28</v>
      </c>
      <c r="F11" s="1" t="s">
        <v>91</v>
      </c>
      <c r="G11" s="1" t="s">
        <v>92</v>
      </c>
      <c r="H11" s="1" t="s">
        <v>76</v>
      </c>
      <c r="I11" s="1" t="s">
        <v>93</v>
      </c>
      <c r="J11" s="1" t="s">
        <v>94</v>
      </c>
      <c r="K11" s="1" t="s">
        <v>95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69</v>
      </c>
      <c r="R11" s="1" t="s">
        <v>89</v>
      </c>
      <c r="S11" s="1" t="s">
        <v>96</v>
      </c>
      <c r="U11" s="1">
        <v>10.1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754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18</v>
      </c>
      <c r="BP11" s="1">
        <v>8.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34722222222222227</v>
      </c>
      <c r="C12" s="1" t="s">
        <v>704</v>
      </c>
      <c r="D12" s="1" t="s">
        <v>64</v>
      </c>
      <c r="E12" s="1" t="s">
        <v>706</v>
      </c>
      <c r="F12" s="1" t="s">
        <v>98</v>
      </c>
      <c r="G12" s="1" t="s">
        <v>99</v>
      </c>
      <c r="H12" s="1" t="s">
        <v>86</v>
      </c>
      <c r="I12" s="1" t="s">
        <v>100</v>
      </c>
      <c r="J12" s="1" t="s">
        <v>101</v>
      </c>
      <c r="K12" s="1" t="s">
        <v>102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39</v>
      </c>
      <c r="R12" s="1" t="s">
        <v>40</v>
      </c>
      <c r="S12" s="1" t="s">
        <v>103</v>
      </c>
      <c r="T12" s="1" t="s">
        <v>42</v>
      </c>
      <c r="U12" s="1">
        <v>10.3</v>
      </c>
      <c r="V12" s="3">
        <v>7900</v>
      </c>
      <c r="W12" s="1"/>
      <c r="X12" s="1">
        <v>1</v>
      </c>
      <c r="Y12" s="1">
        <v>0.23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723</v>
      </c>
      <c r="BC12" s="1">
        <v>0.9</v>
      </c>
      <c r="BD12" s="1">
        <v>0.95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 t="s">
        <v>739</v>
      </c>
      <c r="BN12" s="1">
        <v>0.22</v>
      </c>
      <c r="BO12" s="1">
        <v>19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04</v>
      </c>
      <c r="B13" s="2">
        <v>0.35416666666666669</v>
      </c>
      <c r="C13" s="1" t="s">
        <v>704</v>
      </c>
      <c r="D13" s="1" t="s">
        <v>105</v>
      </c>
      <c r="E13" s="1" t="s">
        <v>28</v>
      </c>
      <c r="F13" s="1" t="s">
        <v>106</v>
      </c>
      <c r="G13" s="1" t="s">
        <v>107</v>
      </c>
      <c r="H13" s="1" t="s">
        <v>108</v>
      </c>
      <c r="I13" s="1" t="s">
        <v>109</v>
      </c>
      <c r="J13" s="1" t="s">
        <v>108</v>
      </c>
      <c r="K13" s="1" t="s">
        <v>110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69</v>
      </c>
      <c r="R13" s="1" t="s">
        <v>78</v>
      </c>
      <c r="S13" s="1" t="s">
        <v>111</v>
      </c>
      <c r="U13" s="1">
        <v>12.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754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18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2</v>
      </c>
      <c r="B14" s="2">
        <v>0.35416666666666669</v>
      </c>
      <c r="C14" s="1" t="s">
        <v>704</v>
      </c>
      <c r="D14" s="1" t="s">
        <v>64</v>
      </c>
      <c r="E14" s="1" t="s">
        <v>706</v>
      </c>
      <c r="F14" s="1" t="s">
        <v>113</v>
      </c>
      <c r="G14" s="1" t="s">
        <v>114</v>
      </c>
      <c r="H14" s="1" t="s">
        <v>108</v>
      </c>
      <c r="I14" s="1" t="s">
        <v>109</v>
      </c>
      <c r="J14" s="1" t="s">
        <v>87</v>
      </c>
      <c r="K14" s="1" t="s">
        <v>115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39</v>
      </c>
      <c r="R14" s="1" t="s">
        <v>89</v>
      </c>
      <c r="S14" s="1" t="s">
        <v>116</v>
      </c>
      <c r="T14" s="1" t="s">
        <v>42</v>
      </c>
      <c r="U14" s="1">
        <v>12</v>
      </c>
      <c r="V14" s="3">
        <v>4600</v>
      </c>
      <c r="W14" s="1"/>
      <c r="X14" s="1">
        <v>1.2</v>
      </c>
      <c r="Y14" s="1">
        <v>0.18</v>
      </c>
      <c r="Z14" s="1"/>
      <c r="AA14" s="1"/>
      <c r="AB14" s="1"/>
      <c r="AC14" s="1" t="s">
        <v>722</v>
      </c>
      <c r="AD14" s="1" t="s">
        <v>723</v>
      </c>
      <c r="AE14" s="1" t="s">
        <v>724</v>
      </c>
      <c r="AF14" s="1" t="s">
        <v>725</v>
      </c>
      <c r="AG14" s="1">
        <v>5.0000000000000001E-4</v>
      </c>
      <c r="AH14" s="1" t="s">
        <v>724</v>
      </c>
      <c r="AI14" s="1"/>
      <c r="AJ14" s="1"/>
      <c r="AK14" s="1" t="s">
        <v>726</v>
      </c>
      <c r="AL14" s="1" t="s">
        <v>726</v>
      </c>
      <c r="AM14" s="1" t="s">
        <v>726</v>
      </c>
      <c r="AN14" s="1" t="s">
        <v>726</v>
      </c>
      <c r="AO14" s="1" t="s">
        <v>726</v>
      </c>
      <c r="AP14" t="s">
        <v>726</v>
      </c>
      <c r="AQ14" s="1" t="s">
        <v>726</v>
      </c>
      <c r="AR14" s="1" t="s">
        <v>726</v>
      </c>
      <c r="AS14" s="1" t="s">
        <v>726</v>
      </c>
      <c r="AT14" s="1" t="s">
        <v>727</v>
      </c>
      <c r="AU14" s="1"/>
      <c r="AV14" s="1"/>
      <c r="AW14" s="1"/>
      <c r="AX14" s="1" t="s">
        <v>726</v>
      </c>
      <c r="AY14" s="1" t="s">
        <v>724</v>
      </c>
      <c r="AZ14" s="1" t="s">
        <v>732</v>
      </c>
      <c r="BA14" s="1">
        <v>1.4E-2</v>
      </c>
      <c r="BB14" s="1">
        <v>0.01</v>
      </c>
      <c r="BC14" s="1">
        <v>1.1000000000000001</v>
      </c>
      <c r="BD14" s="1">
        <v>1.1000000000000001</v>
      </c>
      <c r="BE14" s="1" t="s">
        <v>733</v>
      </c>
      <c r="BF14" s="1"/>
      <c r="BG14" s="1"/>
      <c r="BH14" s="1"/>
      <c r="BI14" s="1"/>
      <c r="BJ14" s="1"/>
      <c r="BK14" s="1"/>
      <c r="BL14" s="1"/>
      <c r="BM14" s="1">
        <v>0.04</v>
      </c>
      <c r="BN14" s="1">
        <v>0.15</v>
      </c>
      <c r="BO14" s="1">
        <v>19</v>
      </c>
      <c r="BP14" s="1">
        <v>9.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17</v>
      </c>
      <c r="B15" s="2">
        <v>0.35416666666666669</v>
      </c>
      <c r="C15" s="1" t="s">
        <v>704</v>
      </c>
      <c r="D15" s="1" t="s">
        <v>64</v>
      </c>
      <c r="E15" s="1" t="s">
        <v>705</v>
      </c>
      <c r="F15" s="1" t="s">
        <v>118</v>
      </c>
      <c r="G15" s="1" t="s">
        <v>119</v>
      </c>
      <c r="H15" s="1" t="s">
        <v>86</v>
      </c>
      <c r="I15" s="1" t="s">
        <v>96</v>
      </c>
      <c r="J15" s="1" t="s">
        <v>120</v>
      </c>
      <c r="K15" s="1" t="s">
        <v>121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39</v>
      </c>
      <c r="R15" s="1" t="s">
        <v>70</v>
      </c>
      <c r="S15" s="1" t="s">
        <v>62</v>
      </c>
      <c r="U15" s="1">
        <v>10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724</v>
      </c>
      <c r="AV15" s="1" t="s">
        <v>722</v>
      </c>
      <c r="AW15" s="1" t="s">
        <v>722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707</v>
      </c>
      <c r="E1" s="1" t="s">
        <v>2</v>
      </c>
      <c r="F1" s="1" t="s">
        <v>695</v>
      </c>
      <c r="G1" s="1" t="s">
        <v>3</v>
      </c>
      <c r="H1" s="1" t="s">
        <v>69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4</v>
      </c>
      <c r="AB2" s="1" t="s">
        <v>752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50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7291666666666662</v>
      </c>
      <c r="C4" s="1" t="s">
        <v>704</v>
      </c>
      <c r="D4" s="1" t="s">
        <v>27</v>
      </c>
      <c r="E4" s="1" t="s">
        <v>28</v>
      </c>
      <c r="F4" s="1" t="s">
        <v>123</v>
      </c>
      <c r="G4" s="1" t="s">
        <v>124</v>
      </c>
      <c r="I4" s="1" t="s">
        <v>125</v>
      </c>
      <c r="J4" s="1" t="s">
        <v>126</v>
      </c>
      <c r="K4" s="1" t="s">
        <v>126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127</v>
      </c>
      <c r="R4" s="1" t="s">
        <v>70</v>
      </c>
      <c r="S4" s="1" t="s">
        <v>41</v>
      </c>
      <c r="T4" s="1" t="s">
        <v>128</v>
      </c>
      <c r="U4" s="1">
        <v>10.1</v>
      </c>
      <c r="V4" s="3">
        <v>49000</v>
      </c>
      <c r="W4" s="1"/>
      <c r="X4" s="1">
        <v>1</v>
      </c>
      <c r="Y4" s="1">
        <v>0.15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723</v>
      </c>
      <c r="BC4" s="1">
        <v>0.88</v>
      </c>
      <c r="BD4" s="1">
        <v>0.93</v>
      </c>
      <c r="BE4" s="1"/>
      <c r="BF4" s="1"/>
      <c r="BG4" s="1"/>
      <c r="BH4" s="1"/>
      <c r="BI4" s="1"/>
      <c r="BJ4" s="1"/>
      <c r="BK4" s="1"/>
      <c r="BL4" s="1"/>
      <c r="BM4" s="1" t="s">
        <v>739</v>
      </c>
      <c r="BN4" s="1">
        <v>0.15</v>
      </c>
      <c r="BO4" s="1">
        <v>16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3</v>
      </c>
      <c r="B5" s="2">
        <v>0.38194444444444442</v>
      </c>
      <c r="C5" s="1" t="s">
        <v>704</v>
      </c>
      <c r="D5" s="1" t="s">
        <v>27</v>
      </c>
      <c r="E5" s="1" t="s">
        <v>28</v>
      </c>
      <c r="F5" s="1" t="s">
        <v>65</v>
      </c>
      <c r="G5" s="1" t="s">
        <v>129</v>
      </c>
      <c r="I5" s="1" t="s">
        <v>130</v>
      </c>
      <c r="J5" s="1" t="s">
        <v>131</v>
      </c>
      <c r="K5" s="1" t="s">
        <v>109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69</v>
      </c>
      <c r="R5" s="1" t="s">
        <v>51</v>
      </c>
      <c r="S5" s="1" t="s">
        <v>70</v>
      </c>
      <c r="U5" s="1">
        <v>10.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6</v>
      </c>
      <c r="BP5" s="1">
        <v>4.599999999999999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7847222222222227</v>
      </c>
      <c r="C6" s="1" t="s">
        <v>704</v>
      </c>
      <c r="D6" s="1" t="s">
        <v>27</v>
      </c>
      <c r="E6" s="1" t="s">
        <v>28</v>
      </c>
      <c r="F6" s="1" t="s">
        <v>132</v>
      </c>
      <c r="G6" s="1" t="s">
        <v>133</v>
      </c>
      <c r="I6" s="1" t="s">
        <v>134</v>
      </c>
      <c r="J6" s="1" t="s">
        <v>87</v>
      </c>
      <c r="K6" s="1" t="s">
        <v>88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50</v>
      </c>
      <c r="R6" s="1" t="s">
        <v>61</v>
      </c>
      <c r="S6" s="1" t="s">
        <v>135</v>
      </c>
      <c r="T6" s="1" t="s">
        <v>42</v>
      </c>
      <c r="U6" s="1">
        <v>10.199999999999999</v>
      </c>
      <c r="V6" s="3">
        <v>7000</v>
      </c>
      <c r="W6" s="1"/>
      <c r="X6" s="1">
        <v>0.91</v>
      </c>
      <c r="Y6" s="1">
        <v>0.15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723</v>
      </c>
      <c r="BC6" s="1">
        <v>0.71</v>
      </c>
      <c r="BD6" s="1">
        <v>0.76</v>
      </c>
      <c r="BE6" s="1"/>
      <c r="BF6" s="1"/>
      <c r="BG6" s="1"/>
      <c r="BH6" s="1"/>
      <c r="BI6" s="1"/>
      <c r="BJ6" s="1"/>
      <c r="BK6" s="1"/>
      <c r="BL6" s="1"/>
      <c r="BM6" s="1" t="s">
        <v>739</v>
      </c>
      <c r="BN6" s="1">
        <v>0.13</v>
      </c>
      <c r="BO6" s="1">
        <v>17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63</v>
      </c>
      <c r="B7" s="2">
        <v>0.36458333333333331</v>
      </c>
      <c r="C7" s="1" t="s">
        <v>704</v>
      </c>
      <c r="D7" s="1" t="s">
        <v>64</v>
      </c>
      <c r="E7" s="1" t="s">
        <v>28</v>
      </c>
      <c r="F7" s="1" t="s">
        <v>136</v>
      </c>
      <c r="G7" s="1" t="s">
        <v>29</v>
      </c>
      <c r="I7" s="1" t="s">
        <v>114</v>
      </c>
      <c r="J7" s="1" t="s">
        <v>137</v>
      </c>
      <c r="K7" s="1" t="s">
        <v>96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39</v>
      </c>
      <c r="R7" s="1" t="s">
        <v>61</v>
      </c>
      <c r="S7" s="1" t="s">
        <v>62</v>
      </c>
      <c r="U7" s="1">
        <v>9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724</v>
      </c>
      <c r="AV7" s="1" t="s">
        <v>722</v>
      </c>
      <c r="AW7" s="1" t="s">
        <v>722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7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1</v>
      </c>
      <c r="B8" s="2">
        <v>0.375</v>
      </c>
      <c r="C8" s="1" t="s">
        <v>704</v>
      </c>
      <c r="D8" s="1" t="s">
        <v>27</v>
      </c>
      <c r="E8" s="1" t="s">
        <v>28</v>
      </c>
      <c r="F8" s="1" t="s">
        <v>138</v>
      </c>
      <c r="G8" s="1" t="s">
        <v>139</v>
      </c>
      <c r="I8" s="1" t="s">
        <v>130</v>
      </c>
      <c r="J8" s="1" t="s">
        <v>131</v>
      </c>
      <c r="K8" s="1" t="s">
        <v>140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69</v>
      </c>
      <c r="R8" s="1" t="s">
        <v>89</v>
      </c>
      <c r="S8" s="1" t="s">
        <v>41</v>
      </c>
      <c r="T8" s="1" t="s">
        <v>79</v>
      </c>
      <c r="U8" s="1">
        <v>9.6999999999999993</v>
      </c>
      <c r="V8" s="3">
        <v>7900</v>
      </c>
      <c r="W8" s="1"/>
      <c r="X8" s="1">
        <v>0.9</v>
      </c>
      <c r="Y8" s="1">
        <v>0.15</v>
      </c>
      <c r="Z8" s="1"/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 t="s">
        <v>726</v>
      </c>
      <c r="AL8" s="1" t="s">
        <v>726</v>
      </c>
      <c r="AM8" s="1" t="s">
        <v>726</v>
      </c>
      <c r="AN8" s="1" t="s">
        <v>726</v>
      </c>
      <c r="AO8" s="1" t="s">
        <v>726</v>
      </c>
      <c r="AP8" t="s">
        <v>726</v>
      </c>
      <c r="AQ8" s="1" t="s">
        <v>726</v>
      </c>
      <c r="AR8" s="1" t="s">
        <v>726</v>
      </c>
      <c r="AS8" s="1" t="s">
        <v>726</v>
      </c>
      <c r="AT8" s="1" t="s">
        <v>727</v>
      </c>
      <c r="AU8" s="1"/>
      <c r="AV8" s="1"/>
      <c r="AW8" s="1"/>
      <c r="AX8" s="1" t="s">
        <v>726</v>
      </c>
      <c r="AY8" s="1" t="s">
        <v>724</v>
      </c>
      <c r="AZ8" s="1" t="s">
        <v>732</v>
      </c>
      <c r="BA8" s="1">
        <v>1.6E-2</v>
      </c>
      <c r="BB8" s="1" t="s">
        <v>723</v>
      </c>
      <c r="BC8" s="1">
        <v>0.81</v>
      </c>
      <c r="BD8" s="1">
        <v>0.86</v>
      </c>
      <c r="BE8" s="1" t="s">
        <v>733</v>
      </c>
      <c r="BF8" s="1"/>
      <c r="BG8" s="1"/>
      <c r="BH8" s="1"/>
      <c r="BI8" s="1"/>
      <c r="BJ8" s="1"/>
      <c r="BK8" s="1"/>
      <c r="BL8" s="1"/>
      <c r="BM8" s="1" t="s">
        <v>739</v>
      </c>
      <c r="BN8" s="1">
        <v>0.14000000000000001</v>
      </c>
      <c r="BO8" s="1">
        <v>17</v>
      </c>
      <c r="BP8" s="1">
        <v>4.3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80</v>
      </c>
      <c r="B9" s="2">
        <v>0.375</v>
      </c>
      <c r="C9" s="1" t="s">
        <v>704</v>
      </c>
      <c r="D9" s="1" t="s">
        <v>64</v>
      </c>
      <c r="E9" s="1" t="s">
        <v>28</v>
      </c>
      <c r="F9" s="1" t="s">
        <v>73</v>
      </c>
      <c r="G9" s="1" t="s">
        <v>141</v>
      </c>
      <c r="I9" s="1" t="s">
        <v>142</v>
      </c>
      <c r="J9" s="1" t="s">
        <v>143</v>
      </c>
      <c r="K9" s="1" t="s">
        <v>52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69</v>
      </c>
      <c r="R9" s="1" t="s">
        <v>51</v>
      </c>
      <c r="S9" s="1" t="s">
        <v>52</v>
      </c>
      <c r="U9" s="1">
        <v>9.6999999999999993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754</v>
      </c>
      <c r="BF9" s="1"/>
      <c r="BG9" s="1"/>
      <c r="BH9" s="1"/>
      <c r="BI9" s="1"/>
      <c r="BJ9" s="1"/>
      <c r="BK9" s="1"/>
      <c r="BL9" s="1"/>
      <c r="BM9" s="1"/>
      <c r="BN9" s="1"/>
      <c r="BO9" s="1">
        <v>1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0625</v>
      </c>
      <c r="C10" s="1" t="s">
        <v>704</v>
      </c>
      <c r="D10" s="1" t="s">
        <v>64</v>
      </c>
      <c r="E10" s="1" t="s">
        <v>705</v>
      </c>
      <c r="F10" s="1" t="s">
        <v>66</v>
      </c>
      <c r="G10" s="1" t="s">
        <v>55</v>
      </c>
      <c r="I10" s="1" t="s">
        <v>142</v>
      </c>
      <c r="J10" s="1" t="s">
        <v>95</v>
      </c>
      <c r="K10" s="1" t="s">
        <v>144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61</v>
      </c>
      <c r="S10" s="1" t="s">
        <v>40</v>
      </c>
      <c r="T10" s="1" t="s">
        <v>42</v>
      </c>
      <c r="U10" s="1">
        <v>9.6</v>
      </c>
      <c r="V10" s="3">
        <v>23000</v>
      </c>
      <c r="W10" s="1"/>
      <c r="X10" s="1">
        <v>0.97</v>
      </c>
      <c r="Y10" s="1">
        <v>0.14000000000000001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723</v>
      </c>
      <c r="BC10" s="1">
        <v>0.79</v>
      </c>
      <c r="BD10" s="1">
        <v>0.84</v>
      </c>
      <c r="BE10" s="1" t="s">
        <v>754</v>
      </c>
      <c r="BF10" s="1" t="s">
        <v>733</v>
      </c>
      <c r="BG10" s="1">
        <v>1.1000000000000001E-3</v>
      </c>
      <c r="BH10" s="1">
        <v>0.02</v>
      </c>
      <c r="BI10" s="1" t="s">
        <v>723</v>
      </c>
      <c r="BJ10" s="1"/>
      <c r="BK10" s="1"/>
      <c r="BL10" s="1" t="s">
        <v>740</v>
      </c>
      <c r="BM10" s="1" t="s">
        <v>739</v>
      </c>
      <c r="BN10" s="1">
        <v>0.13</v>
      </c>
      <c r="BO10" s="1">
        <v>16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38194444444444442</v>
      </c>
      <c r="C11" s="1" t="s">
        <v>704</v>
      </c>
      <c r="D11" s="1" t="s">
        <v>27</v>
      </c>
      <c r="E11" s="1" t="s">
        <v>28</v>
      </c>
      <c r="F11" s="1" t="s">
        <v>145</v>
      </c>
      <c r="G11" s="1" t="s">
        <v>146</v>
      </c>
      <c r="I11" s="1" t="s">
        <v>114</v>
      </c>
      <c r="J11" s="1" t="s">
        <v>95</v>
      </c>
      <c r="K11" s="1" t="s">
        <v>144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69</v>
      </c>
      <c r="R11" s="1" t="s">
        <v>89</v>
      </c>
      <c r="S11" s="1" t="s">
        <v>40</v>
      </c>
      <c r="U11" s="1">
        <v>10.5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754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16</v>
      </c>
      <c r="BP11" s="1">
        <v>4.5999999999999996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38194444444444442</v>
      </c>
      <c r="C12" s="1" t="s">
        <v>704</v>
      </c>
      <c r="D12" s="1" t="s">
        <v>64</v>
      </c>
      <c r="E12" s="1" t="s">
        <v>706</v>
      </c>
      <c r="F12" s="1" t="s">
        <v>147</v>
      </c>
      <c r="G12" s="1" t="s">
        <v>148</v>
      </c>
      <c r="I12" s="1" t="s">
        <v>149</v>
      </c>
      <c r="J12" s="1" t="s">
        <v>102</v>
      </c>
      <c r="K12" s="1" t="s">
        <v>135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39</v>
      </c>
      <c r="R12" s="1" t="s">
        <v>41</v>
      </c>
      <c r="S12" s="1" t="s">
        <v>150</v>
      </c>
      <c r="T12" s="1" t="s">
        <v>128</v>
      </c>
      <c r="U12" s="1">
        <v>10.3</v>
      </c>
      <c r="V12" s="3">
        <v>17000</v>
      </c>
      <c r="W12" s="1"/>
      <c r="X12" s="1">
        <v>1</v>
      </c>
      <c r="Y12" s="1">
        <v>0.17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0.85</v>
      </c>
      <c r="BD12" s="1">
        <v>0.9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 t="s">
        <v>739</v>
      </c>
      <c r="BN12" s="1">
        <v>0.16</v>
      </c>
      <c r="BO12" s="1">
        <v>17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04</v>
      </c>
      <c r="B13" s="2">
        <v>0.39583333333333331</v>
      </c>
      <c r="C13" s="1" t="s">
        <v>704</v>
      </c>
      <c r="D13" s="1" t="s">
        <v>105</v>
      </c>
      <c r="E13" s="1" t="s">
        <v>28</v>
      </c>
      <c r="F13" s="1" t="s">
        <v>151</v>
      </c>
      <c r="G13" s="1" t="s">
        <v>69</v>
      </c>
      <c r="I13" s="1" t="s">
        <v>127</v>
      </c>
      <c r="J13" s="1" t="s">
        <v>152</v>
      </c>
      <c r="K13" s="1" t="s">
        <v>41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69</v>
      </c>
      <c r="R13" s="1" t="s">
        <v>89</v>
      </c>
      <c r="S13" s="1" t="s">
        <v>70</v>
      </c>
      <c r="U13" s="1">
        <v>11.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754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17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2</v>
      </c>
      <c r="B14" s="2">
        <v>0.40277777777777773</v>
      </c>
      <c r="C14" s="1" t="s">
        <v>704</v>
      </c>
      <c r="D14" s="1" t="s">
        <v>64</v>
      </c>
      <c r="E14" s="1" t="s">
        <v>706</v>
      </c>
      <c r="F14" s="1" t="s">
        <v>153</v>
      </c>
      <c r="G14" s="1" t="s">
        <v>154</v>
      </c>
      <c r="I14" s="1" t="s">
        <v>127</v>
      </c>
      <c r="J14" s="1" t="s">
        <v>95</v>
      </c>
      <c r="K14" s="1" t="s">
        <v>144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39</v>
      </c>
      <c r="R14" s="1" t="s">
        <v>89</v>
      </c>
      <c r="S14" s="1" t="s">
        <v>111</v>
      </c>
      <c r="T14" s="1" t="s">
        <v>155</v>
      </c>
      <c r="U14" s="1">
        <v>11.3</v>
      </c>
      <c r="V14" s="3">
        <v>7900</v>
      </c>
      <c r="W14" s="1"/>
      <c r="X14" s="1">
        <v>1</v>
      </c>
      <c r="Y14" s="1">
        <v>0.16</v>
      </c>
      <c r="Z14" s="1"/>
      <c r="AA14" s="1"/>
      <c r="AB14" s="1"/>
      <c r="AC14" s="1" t="s">
        <v>722</v>
      </c>
      <c r="AD14" s="1" t="s">
        <v>723</v>
      </c>
      <c r="AE14" s="1" t="s">
        <v>724</v>
      </c>
      <c r="AF14" s="1" t="s">
        <v>725</v>
      </c>
      <c r="AG14" s="1" t="s">
        <v>724</v>
      </c>
      <c r="AH14" s="1" t="s">
        <v>724</v>
      </c>
      <c r="AI14" s="1"/>
      <c r="AJ14" s="1"/>
      <c r="AK14" s="1" t="s">
        <v>726</v>
      </c>
      <c r="AL14" s="1" t="s">
        <v>726</v>
      </c>
      <c r="AM14" s="1" t="s">
        <v>726</v>
      </c>
      <c r="AN14" s="1" t="s">
        <v>726</v>
      </c>
      <c r="AO14" s="1" t="s">
        <v>726</v>
      </c>
      <c r="AP14" t="s">
        <v>726</v>
      </c>
      <c r="AQ14" s="1" t="s">
        <v>726</v>
      </c>
      <c r="AR14" s="1" t="s">
        <v>726</v>
      </c>
      <c r="AS14" s="1" t="s">
        <v>726</v>
      </c>
      <c r="AT14" s="1" t="s">
        <v>727</v>
      </c>
      <c r="AU14" s="1"/>
      <c r="AV14" s="1"/>
      <c r="AW14" s="1"/>
      <c r="AX14" s="1" t="s">
        <v>726</v>
      </c>
      <c r="AY14" s="1" t="s">
        <v>724</v>
      </c>
      <c r="AZ14" s="1" t="s">
        <v>732</v>
      </c>
      <c r="BA14" s="1">
        <v>1.4999999999999999E-2</v>
      </c>
      <c r="BB14" s="1">
        <v>0.01</v>
      </c>
      <c r="BC14" s="1">
        <v>0.89</v>
      </c>
      <c r="BD14" s="1">
        <v>0.94</v>
      </c>
      <c r="BE14" s="1" t="s">
        <v>733</v>
      </c>
      <c r="BF14" s="1"/>
      <c r="BG14" s="1"/>
      <c r="BH14" s="1"/>
      <c r="BI14" s="1"/>
      <c r="BJ14" s="1"/>
      <c r="BK14" s="1"/>
      <c r="BL14" s="1"/>
      <c r="BM14" s="1">
        <v>0.04</v>
      </c>
      <c r="BN14" s="1">
        <v>0.16</v>
      </c>
      <c r="BO14" s="1">
        <v>17</v>
      </c>
      <c r="BP14" s="1">
        <v>5.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17</v>
      </c>
      <c r="B15" s="2">
        <v>0.39583333333333331</v>
      </c>
      <c r="C15" s="1" t="s">
        <v>704</v>
      </c>
      <c r="D15" s="1" t="s">
        <v>64</v>
      </c>
      <c r="E15" s="1" t="s">
        <v>705</v>
      </c>
      <c r="F15" s="1" t="s">
        <v>92</v>
      </c>
      <c r="G15" s="1" t="s">
        <v>156</v>
      </c>
      <c r="I15" s="1" t="s">
        <v>60</v>
      </c>
      <c r="J15" s="1" t="s">
        <v>102</v>
      </c>
      <c r="K15" s="1" t="s">
        <v>135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39</v>
      </c>
      <c r="R15" s="1" t="s">
        <v>70</v>
      </c>
      <c r="S15" s="1" t="s">
        <v>135</v>
      </c>
      <c r="U15" s="1">
        <v>11.8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724</v>
      </c>
      <c r="AV15" s="1" t="s">
        <v>722</v>
      </c>
      <c r="AW15" s="1" t="s">
        <v>722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1:57" x14ac:dyDescent="0.15">
      <c r="AA17" s="1"/>
      <c r="AB17" s="1"/>
      <c r="BE17" s="1"/>
    </row>
    <row r="18" spans="21:57" x14ac:dyDescent="0.15">
      <c r="U18" s="1"/>
      <c r="AA18" s="1"/>
      <c r="AB18" s="1"/>
      <c r="BE18" s="1"/>
    </row>
    <row r="19" spans="21:57" x14ac:dyDescent="0.15">
      <c r="U19" s="1"/>
      <c r="AA19" s="1"/>
      <c r="AB19" s="1"/>
      <c r="BE19" s="1"/>
    </row>
    <row r="20" spans="21:57" x14ac:dyDescent="0.15">
      <c r="U20" s="1"/>
      <c r="AA20" s="1"/>
      <c r="AB20" s="1"/>
      <c r="BE20" s="1"/>
    </row>
    <row r="21" spans="21:57" x14ac:dyDescent="0.15">
      <c r="U21" s="1"/>
      <c r="AA21" s="1"/>
      <c r="AB21" s="1"/>
      <c r="BE21" s="1"/>
    </row>
    <row r="22" spans="21:57" x14ac:dyDescent="0.15">
      <c r="U22" s="1"/>
      <c r="AA22" s="1"/>
      <c r="AB22" s="1"/>
      <c r="BE22" s="1"/>
    </row>
    <row r="23" spans="21:57" x14ac:dyDescent="0.15">
      <c r="U23" s="1"/>
      <c r="AA23" s="1"/>
      <c r="AB23" s="1"/>
      <c r="BE23" s="1"/>
    </row>
    <row r="24" spans="21:57" x14ac:dyDescent="0.15">
      <c r="U24" s="1"/>
      <c r="AA24" s="1"/>
      <c r="AB24" s="1"/>
      <c r="BE24" s="1"/>
    </row>
    <row r="25" spans="21:57" x14ac:dyDescent="0.15">
      <c r="U25" s="1"/>
      <c r="AA25" s="1"/>
      <c r="AB25" s="1"/>
      <c r="BE25" s="1"/>
    </row>
    <row r="26" spans="21:57" x14ac:dyDescent="0.15">
      <c r="U26" s="1"/>
      <c r="AA26" s="1"/>
      <c r="AB26" s="1"/>
      <c r="BE26" s="1"/>
    </row>
    <row r="27" spans="21:57" x14ac:dyDescent="0.15">
      <c r="U27" s="1"/>
    </row>
    <row r="28" spans="21:57" x14ac:dyDescent="0.15">
      <c r="U28" s="1"/>
    </row>
    <row r="29" spans="21:57" x14ac:dyDescent="0.15">
      <c r="U29" s="1"/>
    </row>
    <row r="30" spans="21:57" x14ac:dyDescent="0.15">
      <c r="U30" s="1"/>
    </row>
    <row r="35" spans="21:21" x14ac:dyDescent="0.15">
      <c r="U35" s="1"/>
    </row>
    <row r="36" spans="21:21" x14ac:dyDescent="0.15">
      <c r="U36" s="1"/>
    </row>
    <row r="37" spans="21:21" x14ac:dyDescent="0.15">
      <c r="U37" s="1"/>
    </row>
    <row r="38" spans="21:21" x14ac:dyDescent="0.15">
      <c r="U38" s="1"/>
    </row>
    <row r="39" spans="21:21" x14ac:dyDescent="0.15">
      <c r="U39" s="1"/>
    </row>
    <row r="40" spans="21:21" x14ac:dyDescent="0.15">
      <c r="U40" s="1"/>
    </row>
    <row r="41" spans="21:21" x14ac:dyDescent="0.15">
      <c r="U41" s="1"/>
    </row>
    <row r="42" spans="21:21" x14ac:dyDescent="0.15">
      <c r="U42" s="1"/>
    </row>
    <row r="43" spans="21:21" x14ac:dyDescent="0.15">
      <c r="U43" s="1"/>
    </row>
    <row r="44" spans="21:21" x14ac:dyDescent="0.15">
      <c r="U44" s="1"/>
    </row>
    <row r="45" spans="21:21" x14ac:dyDescent="0.15">
      <c r="U45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4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708</v>
      </c>
      <c r="E1" s="1" t="s">
        <v>2</v>
      </c>
      <c r="F1" s="1" t="s">
        <v>695</v>
      </c>
      <c r="G1" s="1" t="s">
        <v>3</v>
      </c>
      <c r="H1" s="1" t="s">
        <v>69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5</v>
      </c>
      <c r="AB2" s="1" t="s">
        <v>753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48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416666666666662</v>
      </c>
      <c r="C4" s="1" t="s">
        <v>709</v>
      </c>
      <c r="D4" s="1" t="s">
        <v>27</v>
      </c>
      <c r="E4" s="1" t="s">
        <v>28</v>
      </c>
      <c r="F4" s="1" t="s">
        <v>157</v>
      </c>
      <c r="G4" s="1" t="s">
        <v>158</v>
      </c>
      <c r="I4" s="1" t="s">
        <v>159</v>
      </c>
      <c r="J4" s="1" t="s">
        <v>152</v>
      </c>
      <c r="K4" s="1" t="s">
        <v>41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52</v>
      </c>
      <c r="S4" s="1" t="s">
        <v>96</v>
      </c>
      <c r="T4" s="1" t="s">
        <v>155</v>
      </c>
      <c r="U4" s="1">
        <v>10.199999999999999</v>
      </c>
      <c r="V4" s="3">
        <v>17000</v>
      </c>
      <c r="W4" s="1"/>
      <c r="X4" s="1">
        <v>0.73</v>
      </c>
      <c r="Y4" s="1">
        <v>7.4999999999999997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723</v>
      </c>
      <c r="BC4" s="1">
        <v>0.57999999999999996</v>
      </c>
      <c r="BD4" s="1">
        <v>0.63</v>
      </c>
      <c r="BE4" s="1"/>
      <c r="BF4" s="1"/>
      <c r="BG4" s="1"/>
      <c r="BH4" s="1"/>
      <c r="BI4" s="1"/>
      <c r="BJ4" s="1"/>
      <c r="BK4" s="1"/>
      <c r="BL4" s="1"/>
      <c r="BM4" s="1" t="s">
        <v>739</v>
      </c>
      <c r="BN4" s="1">
        <v>3.6999999999999998E-2</v>
      </c>
      <c r="BO4" s="1">
        <v>14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3</v>
      </c>
      <c r="B5" s="2">
        <v>0.41666666666666669</v>
      </c>
      <c r="C5" s="1" t="s">
        <v>709</v>
      </c>
      <c r="D5" s="1" t="s">
        <v>27</v>
      </c>
      <c r="E5" s="1" t="s">
        <v>28</v>
      </c>
      <c r="F5" s="1" t="s">
        <v>160</v>
      </c>
      <c r="G5" s="1" t="s">
        <v>161</v>
      </c>
      <c r="I5" s="1" t="s">
        <v>162</v>
      </c>
      <c r="J5" s="1" t="s">
        <v>152</v>
      </c>
      <c r="K5" s="1" t="s">
        <v>41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163</v>
      </c>
      <c r="R5" s="1" t="s">
        <v>61</v>
      </c>
      <c r="S5" s="1" t="s">
        <v>62</v>
      </c>
      <c r="U5" s="1">
        <v>11.7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4</v>
      </c>
      <c r="BP5" s="1">
        <v>3.1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41319444444444442</v>
      </c>
      <c r="C6" s="1" t="s">
        <v>709</v>
      </c>
      <c r="D6" s="1" t="s">
        <v>27</v>
      </c>
      <c r="E6" s="1" t="s">
        <v>28</v>
      </c>
      <c r="F6" s="1" t="s">
        <v>136</v>
      </c>
      <c r="G6" s="1" t="s">
        <v>164</v>
      </c>
      <c r="I6" s="1" t="s">
        <v>165</v>
      </c>
      <c r="J6" s="1" t="s">
        <v>137</v>
      </c>
      <c r="K6" s="1" t="s">
        <v>96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166</v>
      </c>
      <c r="R6" s="1" t="s">
        <v>70</v>
      </c>
      <c r="S6" s="1" t="s">
        <v>167</v>
      </c>
      <c r="T6" s="1" t="s">
        <v>155</v>
      </c>
      <c r="U6" s="1">
        <v>11.6</v>
      </c>
      <c r="V6" s="3">
        <v>7900</v>
      </c>
      <c r="W6" s="1"/>
      <c r="X6" s="1">
        <v>0.49</v>
      </c>
      <c r="Y6" s="1">
        <v>5.7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723</v>
      </c>
      <c r="BC6" s="1">
        <v>0.22</v>
      </c>
      <c r="BD6" s="1">
        <v>0.27</v>
      </c>
      <c r="BE6" s="1"/>
      <c r="BF6" s="1"/>
      <c r="BG6" s="1"/>
      <c r="BH6" s="1"/>
      <c r="BI6" s="1"/>
      <c r="BJ6" s="1"/>
      <c r="BK6" s="1"/>
      <c r="BL6" s="1"/>
      <c r="BM6" s="1" t="s">
        <v>739</v>
      </c>
      <c r="BN6" s="1">
        <v>3.6999999999999998E-2</v>
      </c>
      <c r="BO6" s="1">
        <v>14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63</v>
      </c>
      <c r="B7" s="2">
        <v>0.39583333333333331</v>
      </c>
      <c r="C7" s="1" t="s">
        <v>709</v>
      </c>
      <c r="D7" s="1" t="s">
        <v>64</v>
      </c>
      <c r="E7" s="1" t="s">
        <v>28</v>
      </c>
      <c r="F7" s="1" t="s">
        <v>65</v>
      </c>
      <c r="G7" s="1" t="s">
        <v>168</v>
      </c>
      <c r="I7" s="1" t="s">
        <v>169</v>
      </c>
      <c r="J7" s="1" t="s">
        <v>137</v>
      </c>
      <c r="K7" s="1" t="s">
        <v>96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69</v>
      </c>
      <c r="R7" s="1" t="s">
        <v>52</v>
      </c>
      <c r="S7" s="1" t="s">
        <v>111</v>
      </c>
      <c r="U7" s="1">
        <v>8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724</v>
      </c>
      <c r="AV7" s="1" t="s">
        <v>722</v>
      </c>
      <c r="AW7" s="1" t="s">
        <v>722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 t="s">
        <v>724</v>
      </c>
      <c r="BL7" s="1"/>
      <c r="BM7" s="1"/>
      <c r="BN7" s="1"/>
      <c r="BO7" s="1">
        <v>1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1</v>
      </c>
      <c r="B8" s="2">
        <v>0.40277777777777773</v>
      </c>
      <c r="C8" s="1" t="s">
        <v>709</v>
      </c>
      <c r="D8" s="1" t="s">
        <v>27</v>
      </c>
      <c r="E8" s="1" t="s">
        <v>28</v>
      </c>
      <c r="F8" s="1" t="s">
        <v>72</v>
      </c>
      <c r="G8" s="1" t="s">
        <v>170</v>
      </c>
      <c r="I8" s="1" t="s">
        <v>171</v>
      </c>
      <c r="J8" s="1" t="s">
        <v>137</v>
      </c>
      <c r="K8" s="1" t="s">
        <v>96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172</v>
      </c>
      <c r="R8" s="1" t="s">
        <v>89</v>
      </c>
      <c r="S8" s="1" t="s">
        <v>62</v>
      </c>
      <c r="T8" s="1" t="s">
        <v>155</v>
      </c>
      <c r="U8" s="1">
        <v>9.5</v>
      </c>
      <c r="V8" s="3">
        <v>22000</v>
      </c>
      <c r="W8" s="1"/>
      <c r="X8" s="1">
        <v>0.56999999999999995</v>
      </c>
      <c r="Y8" s="1">
        <v>5.7000000000000002E-2</v>
      </c>
      <c r="Z8" s="1">
        <v>1.6000000000000001E-3</v>
      </c>
      <c r="AA8" s="1" t="s">
        <v>755</v>
      </c>
      <c r="AB8" s="1" t="s">
        <v>756</v>
      </c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 t="s">
        <v>726</v>
      </c>
      <c r="AL8" s="1" t="s">
        <v>726</v>
      </c>
      <c r="AM8" s="1" t="s">
        <v>726</v>
      </c>
      <c r="AN8" s="1" t="s">
        <v>726</v>
      </c>
      <c r="AO8" s="1" t="s">
        <v>726</v>
      </c>
      <c r="AP8" t="s">
        <v>726</v>
      </c>
      <c r="AQ8" s="1" t="s">
        <v>726</v>
      </c>
      <c r="AR8" s="1" t="s">
        <v>726</v>
      </c>
      <c r="AS8" s="1" t="s">
        <v>726</v>
      </c>
      <c r="AT8" s="1" t="s">
        <v>727</v>
      </c>
      <c r="AU8" s="1"/>
      <c r="AV8" s="1"/>
      <c r="AW8" s="1"/>
      <c r="AX8" s="1" t="s">
        <v>726</v>
      </c>
      <c r="AY8" s="1" t="s">
        <v>724</v>
      </c>
      <c r="AZ8" s="1" t="s">
        <v>732</v>
      </c>
      <c r="BA8" s="1">
        <v>1.2999999999999999E-2</v>
      </c>
      <c r="BB8" s="1" t="s">
        <v>723</v>
      </c>
      <c r="BC8" s="1">
        <v>0.37</v>
      </c>
      <c r="BD8" s="1">
        <v>0.42</v>
      </c>
      <c r="BE8" s="1" t="s">
        <v>733</v>
      </c>
      <c r="BF8" s="1"/>
      <c r="BG8" s="1"/>
      <c r="BH8" s="1"/>
      <c r="BI8" s="1"/>
      <c r="BJ8" s="1"/>
      <c r="BK8" s="1"/>
      <c r="BL8" s="1"/>
      <c r="BM8" s="1" t="s">
        <v>739</v>
      </c>
      <c r="BN8" s="1">
        <v>0.05</v>
      </c>
      <c r="BO8" s="1">
        <v>14</v>
      </c>
      <c r="BP8" s="1">
        <v>3.3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80</v>
      </c>
      <c r="B9" s="2">
        <v>0.40972222222222227</v>
      </c>
      <c r="C9" s="1" t="s">
        <v>709</v>
      </c>
      <c r="D9" s="1" t="s">
        <v>64</v>
      </c>
      <c r="E9" s="1" t="s">
        <v>28</v>
      </c>
      <c r="F9" s="1" t="s">
        <v>173</v>
      </c>
      <c r="G9" s="1" t="s">
        <v>174</v>
      </c>
      <c r="I9" s="1" t="s">
        <v>175</v>
      </c>
      <c r="J9" s="1" t="s">
        <v>176</v>
      </c>
      <c r="K9" s="1" t="s">
        <v>62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77</v>
      </c>
      <c r="R9" s="1" t="s">
        <v>78</v>
      </c>
      <c r="S9" s="1" t="s">
        <v>52</v>
      </c>
      <c r="U9" s="1">
        <v>9.9</v>
      </c>
      <c r="V9" s="1"/>
      <c r="W9" s="1"/>
      <c r="X9" s="1"/>
      <c r="Y9" s="1"/>
      <c r="Z9" s="1"/>
      <c r="AA9" s="1" t="s">
        <v>754</v>
      </c>
      <c r="AB9" s="1" t="s">
        <v>754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754</v>
      </c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4791666666666669</v>
      </c>
      <c r="C10" s="1" t="s">
        <v>709</v>
      </c>
      <c r="D10" s="1" t="s">
        <v>64</v>
      </c>
      <c r="E10" s="1" t="s">
        <v>705</v>
      </c>
      <c r="F10" s="1" t="s">
        <v>73</v>
      </c>
      <c r="G10" s="1" t="s">
        <v>177</v>
      </c>
      <c r="I10" s="1" t="s">
        <v>178</v>
      </c>
      <c r="J10" s="1" t="s">
        <v>48</v>
      </c>
      <c r="K10" s="1" t="s">
        <v>179</v>
      </c>
      <c r="L10" s="1" t="s">
        <v>180</v>
      </c>
      <c r="N10" s="1" t="s">
        <v>36</v>
      </c>
      <c r="O10" s="1" t="s">
        <v>181</v>
      </c>
      <c r="P10" s="1" t="s">
        <v>38</v>
      </c>
      <c r="Q10" s="1" t="s">
        <v>127</v>
      </c>
      <c r="R10" s="1" t="s">
        <v>51</v>
      </c>
      <c r="S10" s="1" t="s">
        <v>41</v>
      </c>
      <c r="T10" s="1" t="s">
        <v>182</v>
      </c>
      <c r="U10" s="1">
        <v>9.6999999999999993</v>
      </c>
      <c r="V10" s="3">
        <v>46000</v>
      </c>
      <c r="W10" s="1"/>
      <c r="X10" s="1">
        <v>0.81</v>
      </c>
      <c r="Y10" s="1">
        <v>6.5000000000000002E-2</v>
      </c>
      <c r="Z10" s="1"/>
      <c r="AA10" s="1" t="s">
        <v>754</v>
      </c>
      <c r="AB10" s="1" t="s">
        <v>754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723</v>
      </c>
      <c r="BC10" s="1">
        <v>0.61</v>
      </c>
      <c r="BD10" s="1">
        <v>0.66</v>
      </c>
      <c r="BE10" s="1" t="s">
        <v>754</v>
      </c>
      <c r="BF10" s="1" t="s">
        <v>733</v>
      </c>
      <c r="BG10" s="1">
        <v>8.9999999999999998E-4</v>
      </c>
      <c r="BH10" s="1">
        <v>0.13</v>
      </c>
      <c r="BI10" s="1" t="s">
        <v>723</v>
      </c>
      <c r="BJ10" s="1"/>
      <c r="BK10" s="1"/>
      <c r="BL10" s="1" t="s">
        <v>740</v>
      </c>
      <c r="BM10" s="1" t="s">
        <v>739</v>
      </c>
      <c r="BN10" s="1">
        <v>6.4000000000000001E-2</v>
      </c>
      <c r="BO10" s="1">
        <v>13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41666666666666669</v>
      </c>
      <c r="C11" s="1" t="s">
        <v>709</v>
      </c>
      <c r="D11" s="1" t="s">
        <v>27</v>
      </c>
      <c r="E11" s="1" t="s">
        <v>28</v>
      </c>
      <c r="F11" s="1" t="s">
        <v>183</v>
      </c>
      <c r="G11" s="1" t="s">
        <v>45</v>
      </c>
      <c r="I11" s="1" t="s">
        <v>162</v>
      </c>
      <c r="J11" s="1" t="s">
        <v>120</v>
      </c>
      <c r="K11" s="1" t="s">
        <v>121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172</v>
      </c>
      <c r="R11" s="1" t="s">
        <v>78</v>
      </c>
      <c r="S11" s="1" t="s">
        <v>40</v>
      </c>
      <c r="U11" s="1">
        <v>11.3</v>
      </c>
      <c r="V11" s="1"/>
      <c r="W11" s="1"/>
      <c r="X11" s="1"/>
      <c r="Y11" s="1"/>
      <c r="Z11" s="1"/>
      <c r="AA11" s="1" t="s">
        <v>754</v>
      </c>
      <c r="AB11" s="1" t="s">
        <v>754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754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16</v>
      </c>
      <c r="BP11" s="1">
        <v>3.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41666666666666669</v>
      </c>
      <c r="C12" s="1" t="s">
        <v>709</v>
      </c>
      <c r="D12" s="1" t="s">
        <v>64</v>
      </c>
      <c r="E12" s="1" t="s">
        <v>184</v>
      </c>
      <c r="F12" s="1" t="s">
        <v>185</v>
      </c>
      <c r="G12" s="1" t="s">
        <v>186</v>
      </c>
      <c r="I12" s="1" t="s">
        <v>187</v>
      </c>
      <c r="J12" s="1" t="s">
        <v>120</v>
      </c>
      <c r="K12" s="1" t="s">
        <v>188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77</v>
      </c>
      <c r="R12" s="1" t="s">
        <v>70</v>
      </c>
      <c r="S12" s="1" t="s">
        <v>150</v>
      </c>
      <c r="T12" s="1" t="s">
        <v>155</v>
      </c>
      <c r="U12" s="1">
        <v>10.5</v>
      </c>
      <c r="V12" s="3">
        <v>11000</v>
      </c>
      <c r="W12" s="1"/>
      <c r="X12" s="1">
        <v>0.83</v>
      </c>
      <c r="Y12" s="1">
        <v>0.11</v>
      </c>
      <c r="Z12" s="1"/>
      <c r="AA12" s="1" t="s">
        <v>754</v>
      </c>
      <c r="AB12" s="1" t="s">
        <v>754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723</v>
      </c>
      <c r="BC12" s="1">
        <v>0.71</v>
      </c>
      <c r="BD12" s="1">
        <v>0.76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 t="s">
        <v>739</v>
      </c>
      <c r="BN12" s="1">
        <v>0.1</v>
      </c>
      <c r="BO12" s="1">
        <v>1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04</v>
      </c>
      <c r="B13" s="2">
        <v>0.4236111111111111</v>
      </c>
      <c r="C13" s="1" t="s">
        <v>709</v>
      </c>
      <c r="D13" s="1" t="s">
        <v>105</v>
      </c>
      <c r="E13" s="1" t="s">
        <v>28</v>
      </c>
      <c r="F13" s="1" t="s">
        <v>189</v>
      </c>
      <c r="G13" s="1" t="s">
        <v>190</v>
      </c>
      <c r="I13" s="1" t="s">
        <v>162</v>
      </c>
      <c r="J13" s="1" t="s">
        <v>102</v>
      </c>
      <c r="K13" s="1" t="s">
        <v>135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69</v>
      </c>
      <c r="R13" s="1" t="s">
        <v>51</v>
      </c>
      <c r="S13" s="1" t="s">
        <v>89</v>
      </c>
      <c r="U13" s="1">
        <v>11.5</v>
      </c>
      <c r="V13" s="1"/>
      <c r="W13" s="1"/>
      <c r="X13" s="1"/>
      <c r="Y13" s="1"/>
      <c r="Z13" s="1"/>
      <c r="AA13" s="1" t="s">
        <v>754</v>
      </c>
      <c r="AB13" s="1" t="s">
        <v>754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754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1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2</v>
      </c>
      <c r="B14" s="2">
        <v>0.4375</v>
      </c>
      <c r="C14" s="1" t="s">
        <v>709</v>
      </c>
      <c r="D14" s="1" t="s">
        <v>64</v>
      </c>
      <c r="E14" s="1" t="s">
        <v>706</v>
      </c>
      <c r="F14" s="1" t="s">
        <v>91</v>
      </c>
      <c r="G14" s="1" t="s">
        <v>91</v>
      </c>
      <c r="I14" s="1" t="s">
        <v>187</v>
      </c>
      <c r="J14" s="1" t="s">
        <v>191</v>
      </c>
      <c r="K14" s="1" t="s">
        <v>111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77</v>
      </c>
      <c r="R14" s="1" t="s">
        <v>78</v>
      </c>
      <c r="S14" s="1" t="s">
        <v>135</v>
      </c>
      <c r="T14" s="1" t="s">
        <v>155</v>
      </c>
      <c r="U14" s="1">
        <v>11.7</v>
      </c>
      <c r="V14" s="3">
        <v>23000</v>
      </c>
      <c r="W14" s="1"/>
      <c r="X14" s="1">
        <v>0.83</v>
      </c>
      <c r="Y14" s="1">
        <v>0.11</v>
      </c>
      <c r="Z14" s="1">
        <v>3.8999999999999998E-3</v>
      </c>
      <c r="AA14" s="1" t="s">
        <v>755</v>
      </c>
      <c r="AB14" s="1" t="s">
        <v>757</v>
      </c>
      <c r="AC14" s="1" t="s">
        <v>722</v>
      </c>
      <c r="AD14" s="1" t="s">
        <v>723</v>
      </c>
      <c r="AE14" s="1" t="s">
        <v>724</v>
      </c>
      <c r="AF14" s="1" t="s">
        <v>725</v>
      </c>
      <c r="AG14" s="1" t="s">
        <v>724</v>
      </c>
      <c r="AH14" s="1" t="s">
        <v>724</v>
      </c>
      <c r="AI14" s="1"/>
      <c r="AJ14" s="1"/>
      <c r="AK14" s="1" t="s">
        <v>726</v>
      </c>
      <c r="AL14" s="1" t="s">
        <v>726</v>
      </c>
      <c r="AM14" s="1" t="s">
        <v>726</v>
      </c>
      <c r="AN14" s="1" t="s">
        <v>726</v>
      </c>
      <c r="AO14" s="1" t="s">
        <v>726</v>
      </c>
      <c r="AP14" t="s">
        <v>726</v>
      </c>
      <c r="AQ14" s="1" t="s">
        <v>726</v>
      </c>
      <c r="AR14" s="1" t="s">
        <v>726</v>
      </c>
      <c r="AS14" s="1" t="s">
        <v>726</v>
      </c>
      <c r="AT14" s="1" t="s">
        <v>727</v>
      </c>
      <c r="AU14" s="1"/>
      <c r="AV14" s="1"/>
      <c r="AW14" s="1"/>
      <c r="AX14" s="1" t="s">
        <v>726</v>
      </c>
      <c r="AY14" s="1" t="s">
        <v>724</v>
      </c>
      <c r="AZ14" s="1" t="s">
        <v>732</v>
      </c>
      <c r="BA14" s="1">
        <v>1.4E-2</v>
      </c>
      <c r="BB14" s="1" t="s">
        <v>723</v>
      </c>
      <c r="BC14" s="1">
        <v>0.68</v>
      </c>
      <c r="BD14" s="1">
        <v>0.73</v>
      </c>
      <c r="BE14" s="1" t="s">
        <v>733</v>
      </c>
      <c r="BF14" s="1"/>
      <c r="BG14" s="1"/>
      <c r="BH14" s="1"/>
      <c r="BI14" s="1"/>
      <c r="BJ14" s="1"/>
      <c r="BK14" s="1"/>
      <c r="BL14" s="1"/>
      <c r="BM14" s="1" t="s">
        <v>739</v>
      </c>
      <c r="BN14" s="1">
        <v>9.1999999999999998E-2</v>
      </c>
      <c r="BO14" s="1">
        <v>15</v>
      </c>
      <c r="BP14" s="1">
        <v>4.7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17</v>
      </c>
      <c r="B15" s="2">
        <v>0.43055555555555558</v>
      </c>
      <c r="C15" s="1" t="s">
        <v>709</v>
      </c>
      <c r="D15" s="1" t="s">
        <v>64</v>
      </c>
      <c r="E15" s="1" t="s">
        <v>705</v>
      </c>
      <c r="F15" s="1" t="s">
        <v>192</v>
      </c>
      <c r="G15" s="1" t="s">
        <v>156</v>
      </c>
      <c r="I15" s="1" t="s">
        <v>142</v>
      </c>
      <c r="J15" s="1" t="s">
        <v>191</v>
      </c>
      <c r="K15" s="1" t="s">
        <v>111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39</v>
      </c>
      <c r="R15" s="1" t="s">
        <v>52</v>
      </c>
      <c r="S15" s="1" t="s">
        <v>116</v>
      </c>
      <c r="U15" s="1">
        <v>11.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724</v>
      </c>
      <c r="AV15" s="1" t="s">
        <v>722</v>
      </c>
      <c r="AW15" s="1" t="s">
        <v>722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6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U16" s="1"/>
      <c r="AA16" s="1"/>
      <c r="AB16" s="1"/>
      <c r="BE16" s="1"/>
    </row>
    <row r="17" spans="21:57" x14ac:dyDescent="0.15">
      <c r="U17" s="1"/>
      <c r="AA17" s="1"/>
      <c r="AB17" s="1"/>
      <c r="BE17" s="1"/>
    </row>
    <row r="18" spans="21:57" x14ac:dyDescent="0.15">
      <c r="U18" s="1"/>
      <c r="AA18" s="1"/>
      <c r="AB18" s="1"/>
      <c r="BE18" s="1"/>
    </row>
    <row r="19" spans="21:57" x14ac:dyDescent="0.15">
      <c r="U19" s="1"/>
      <c r="AA19" s="1"/>
      <c r="AB19" s="1"/>
      <c r="BE19" s="1"/>
    </row>
    <row r="20" spans="21:57" x14ac:dyDescent="0.15">
      <c r="U20" s="1"/>
      <c r="AA20" s="1"/>
      <c r="AB20" s="1"/>
      <c r="BE20" s="1"/>
    </row>
    <row r="21" spans="21:57" x14ac:dyDescent="0.15">
      <c r="U21" s="1"/>
      <c r="AA21" s="1"/>
      <c r="AB21" s="1"/>
      <c r="BE21" s="1"/>
    </row>
    <row r="22" spans="21:57" x14ac:dyDescent="0.15">
      <c r="U22" s="1"/>
      <c r="AA22" s="1"/>
      <c r="AB22" s="1"/>
      <c r="BE22" s="1"/>
    </row>
    <row r="23" spans="21:57" x14ac:dyDescent="0.15">
      <c r="U23" s="1"/>
      <c r="AA23" s="1"/>
      <c r="AB23" s="1"/>
      <c r="BE23" s="1"/>
    </row>
    <row r="24" spans="21:57" x14ac:dyDescent="0.15">
      <c r="U24" s="1"/>
      <c r="AA24" s="1"/>
      <c r="AB24" s="1"/>
      <c r="BE24" s="1"/>
    </row>
    <row r="25" spans="21:57" x14ac:dyDescent="0.15">
      <c r="U25" s="1"/>
      <c r="AA25" s="1"/>
      <c r="AB25" s="1"/>
      <c r="BE25" s="1"/>
    </row>
    <row r="26" spans="21:57" x14ac:dyDescent="0.15">
      <c r="U26" s="1"/>
      <c r="AA26" s="1"/>
      <c r="AB26" s="1"/>
      <c r="BE26" s="1"/>
    </row>
    <row r="27" spans="21:57" x14ac:dyDescent="0.15">
      <c r="U27" s="1"/>
    </row>
    <row r="28" spans="21:57" x14ac:dyDescent="0.15">
      <c r="U28" s="1"/>
    </row>
    <row r="29" spans="21:57" x14ac:dyDescent="0.15">
      <c r="U29" s="1"/>
    </row>
    <row r="34" spans="21:21" x14ac:dyDescent="0.15">
      <c r="U34" s="1"/>
    </row>
    <row r="35" spans="21:21" x14ac:dyDescent="0.15">
      <c r="U35" s="1"/>
    </row>
    <row r="36" spans="21:21" x14ac:dyDescent="0.15">
      <c r="U36" s="1"/>
    </row>
    <row r="37" spans="21:21" x14ac:dyDescent="0.15">
      <c r="U37" s="1"/>
    </row>
    <row r="38" spans="21:21" x14ac:dyDescent="0.15">
      <c r="U38" s="1"/>
    </row>
    <row r="39" spans="21:21" x14ac:dyDescent="0.15">
      <c r="U39" s="1"/>
    </row>
    <row r="40" spans="21:21" x14ac:dyDescent="0.15">
      <c r="U40" s="1"/>
    </row>
    <row r="41" spans="21:21" x14ac:dyDescent="0.15">
      <c r="U41" s="1"/>
    </row>
    <row r="42" spans="21:21" x14ac:dyDescent="0.15">
      <c r="U42" s="1"/>
    </row>
    <row r="43" spans="21:21" x14ac:dyDescent="0.15">
      <c r="U43" s="1"/>
    </row>
    <row r="44" spans="21:21" x14ac:dyDescent="0.15">
      <c r="U44" s="1"/>
    </row>
    <row r="45" spans="21:21" x14ac:dyDescent="0.15">
      <c r="U45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0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710</v>
      </c>
      <c r="E1" s="1" t="s">
        <v>2</v>
      </c>
      <c r="F1" s="1" t="s">
        <v>695</v>
      </c>
      <c r="G1" s="1" t="s">
        <v>3</v>
      </c>
      <c r="H1" s="1" t="s">
        <v>71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4</v>
      </c>
      <c r="AB2" s="1" t="s">
        <v>751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48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94</v>
      </c>
      <c r="B4" s="2">
        <v>0.50138888888888888</v>
      </c>
      <c r="C4" s="1" t="s">
        <v>704</v>
      </c>
      <c r="D4" s="1" t="s">
        <v>195</v>
      </c>
      <c r="F4" s="1" t="s">
        <v>45</v>
      </c>
      <c r="G4" s="1" t="s">
        <v>124</v>
      </c>
      <c r="I4" s="1" t="s">
        <v>196</v>
      </c>
      <c r="J4" s="1" t="s">
        <v>94</v>
      </c>
      <c r="K4" s="1" t="s">
        <v>193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50</v>
      </c>
      <c r="R4" s="1" t="s">
        <v>70</v>
      </c>
      <c r="S4" s="1" t="s">
        <v>62</v>
      </c>
      <c r="T4" s="1" t="s">
        <v>197</v>
      </c>
      <c r="U4" s="1">
        <v>9.9</v>
      </c>
      <c r="V4" s="3">
        <v>13000</v>
      </c>
      <c r="W4" s="1"/>
      <c r="X4" s="1">
        <v>0.74</v>
      </c>
      <c r="Y4" s="1">
        <v>9.1999999999999998E-2</v>
      </c>
      <c r="Z4" s="1">
        <v>2.8999999999999998E-3</v>
      </c>
      <c r="AA4" s="1"/>
      <c r="AB4" s="1"/>
      <c r="AC4" s="1" t="s">
        <v>722</v>
      </c>
      <c r="AD4" s="1" t="s">
        <v>723</v>
      </c>
      <c r="AE4" s="1" t="s">
        <v>724</v>
      </c>
      <c r="AF4" s="1" t="s">
        <v>725</v>
      </c>
      <c r="AG4" s="1" t="s">
        <v>724</v>
      </c>
      <c r="AH4" s="1" t="s">
        <v>724</v>
      </c>
      <c r="AI4" s="1"/>
      <c r="AJ4" s="1"/>
      <c r="AK4" s="1"/>
      <c r="AL4" s="1" t="s">
        <v>727</v>
      </c>
      <c r="AM4" s="1"/>
      <c r="AN4" s="1"/>
      <c r="AO4" s="1"/>
      <c r="AP4" t="s">
        <v>727</v>
      </c>
      <c r="AQ4" s="1"/>
      <c r="AR4" s="1" t="s">
        <v>727</v>
      </c>
      <c r="AS4" s="1" t="s">
        <v>727</v>
      </c>
      <c r="AT4" s="1"/>
      <c r="AU4" s="1"/>
      <c r="AV4" s="1"/>
      <c r="AW4" s="1"/>
      <c r="AX4" s="1"/>
      <c r="AY4" s="1"/>
      <c r="AZ4" s="1" t="s">
        <v>732</v>
      </c>
      <c r="BA4" s="1">
        <v>1.2999999999999999E-2</v>
      </c>
      <c r="BB4" s="1" t="s">
        <v>734</v>
      </c>
      <c r="BC4" s="1">
        <v>0.67</v>
      </c>
      <c r="BD4" s="1">
        <v>0.72</v>
      </c>
      <c r="BE4" s="1"/>
      <c r="BF4" s="1" t="s">
        <v>733</v>
      </c>
      <c r="BG4" s="1">
        <v>1.4E-3</v>
      </c>
      <c r="BH4" s="1" t="s">
        <v>725</v>
      </c>
      <c r="BI4" s="1" t="s">
        <v>723</v>
      </c>
      <c r="BJ4" s="1"/>
      <c r="BK4" s="1"/>
      <c r="BL4" s="1"/>
      <c r="BM4" s="1" t="s">
        <v>739</v>
      </c>
      <c r="BN4" s="1">
        <v>8.2000000000000003E-2</v>
      </c>
      <c r="BO4" s="1">
        <v>15</v>
      </c>
      <c r="BP4" s="1">
        <v>4</v>
      </c>
      <c r="BQ4" s="1"/>
      <c r="BR4" s="1" t="s">
        <v>74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0138888888888884</v>
      </c>
      <c r="C5" s="1" t="s">
        <v>704</v>
      </c>
      <c r="D5" s="1" t="s">
        <v>64</v>
      </c>
      <c r="F5" s="1" t="s">
        <v>55</v>
      </c>
      <c r="G5" s="1" t="s">
        <v>198</v>
      </c>
      <c r="I5" s="1" t="s">
        <v>199</v>
      </c>
      <c r="J5" s="1" t="s">
        <v>94</v>
      </c>
      <c r="K5" s="1" t="s">
        <v>193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60</v>
      </c>
      <c r="R5" s="1" t="s">
        <v>96</v>
      </c>
      <c r="S5" s="1" t="s">
        <v>103</v>
      </c>
      <c r="T5" s="1" t="s">
        <v>79</v>
      </c>
      <c r="U5" s="1">
        <v>9.6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5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6527777777777779</v>
      </c>
      <c r="C6" s="1" t="s">
        <v>704</v>
      </c>
      <c r="D6" s="1" t="s">
        <v>64</v>
      </c>
      <c r="F6" s="1" t="s">
        <v>200</v>
      </c>
      <c r="G6" s="1" t="s">
        <v>201</v>
      </c>
      <c r="I6" s="1" t="s">
        <v>199</v>
      </c>
      <c r="J6" s="1" t="s">
        <v>94</v>
      </c>
      <c r="K6" s="1" t="s">
        <v>202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69</v>
      </c>
      <c r="R6" s="1" t="s">
        <v>40</v>
      </c>
      <c r="S6" s="1" t="s">
        <v>111</v>
      </c>
      <c r="T6" s="1" t="s">
        <v>155</v>
      </c>
      <c r="U6" s="1">
        <v>8.5</v>
      </c>
      <c r="V6" s="1"/>
      <c r="W6" s="1"/>
      <c r="X6" s="1">
        <v>0.79</v>
      </c>
      <c r="Y6" s="1">
        <v>0.09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5</v>
      </c>
      <c r="BP6" s="1">
        <v>4.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03</v>
      </c>
      <c r="B7" s="2">
        <v>0.20486111111111113</v>
      </c>
      <c r="C7" s="1" t="s">
        <v>704</v>
      </c>
      <c r="D7" s="1" t="s">
        <v>64</v>
      </c>
      <c r="F7" s="1" t="s">
        <v>204</v>
      </c>
      <c r="G7" s="1" t="s">
        <v>205</v>
      </c>
      <c r="I7" s="1" t="s">
        <v>206</v>
      </c>
      <c r="J7" s="1" t="s">
        <v>94</v>
      </c>
      <c r="K7" s="1" t="s">
        <v>152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69</v>
      </c>
      <c r="R7" s="1" t="s">
        <v>40</v>
      </c>
      <c r="S7" s="1" t="s">
        <v>62</v>
      </c>
      <c r="T7" s="1" t="s">
        <v>155</v>
      </c>
      <c r="U7" s="1">
        <v>9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07</v>
      </c>
      <c r="B8" s="2">
        <v>0.49305555555555558</v>
      </c>
      <c r="C8" s="1" t="s">
        <v>704</v>
      </c>
      <c r="D8" s="1" t="s">
        <v>27</v>
      </c>
      <c r="E8" s="1" t="s">
        <v>28</v>
      </c>
      <c r="F8" s="1" t="s">
        <v>208</v>
      </c>
      <c r="G8" s="1" t="s">
        <v>209</v>
      </c>
      <c r="I8" s="1" t="s">
        <v>210</v>
      </c>
      <c r="J8" s="1" t="s">
        <v>211</v>
      </c>
      <c r="K8" s="1" t="s">
        <v>212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50</v>
      </c>
      <c r="R8" s="1" t="s">
        <v>78</v>
      </c>
      <c r="S8" s="1" t="s">
        <v>144</v>
      </c>
      <c r="T8" s="1" t="s">
        <v>155</v>
      </c>
      <c r="U8" s="1">
        <v>8.5</v>
      </c>
      <c r="V8" s="3">
        <v>3300</v>
      </c>
      <c r="W8" s="1"/>
      <c r="X8" s="1">
        <v>0.63</v>
      </c>
      <c r="Y8" s="1">
        <v>5.8000000000000003E-2</v>
      </c>
      <c r="Z8" s="1">
        <v>5.9999999999999995E-4</v>
      </c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/>
      <c r="AL8" s="1" t="s">
        <v>727</v>
      </c>
      <c r="AM8" s="1"/>
      <c r="AN8" s="1"/>
      <c r="AO8" s="1"/>
      <c r="AP8" t="s">
        <v>727</v>
      </c>
      <c r="AQ8" s="1"/>
      <c r="AR8" s="1" t="s">
        <v>727</v>
      </c>
      <c r="AS8" s="1" t="s">
        <v>727</v>
      </c>
      <c r="AT8" s="1"/>
      <c r="AU8" s="1"/>
      <c r="AV8" s="1"/>
      <c r="AW8" s="1"/>
      <c r="AX8" s="1"/>
      <c r="AY8" s="1"/>
      <c r="AZ8" s="1"/>
      <c r="BA8" s="1"/>
      <c r="BB8" s="1" t="s">
        <v>734</v>
      </c>
      <c r="BC8" s="1">
        <v>0.56999999999999995</v>
      </c>
      <c r="BD8" s="1">
        <v>0.62</v>
      </c>
      <c r="BE8" s="1"/>
      <c r="BF8" s="1"/>
      <c r="BG8" s="1"/>
      <c r="BH8" s="1"/>
      <c r="BI8" s="1"/>
      <c r="BJ8" s="1"/>
      <c r="BK8" s="1"/>
      <c r="BL8" s="1"/>
      <c r="BM8" s="1" t="s">
        <v>739</v>
      </c>
      <c r="BN8" s="1">
        <v>4.7E-2</v>
      </c>
      <c r="BO8" s="1">
        <v>14</v>
      </c>
      <c r="BP8" s="1">
        <v>3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9444444444444453</v>
      </c>
      <c r="C9" s="1" t="s">
        <v>704</v>
      </c>
      <c r="D9" s="1" t="s">
        <v>27</v>
      </c>
      <c r="E9" s="1" t="s">
        <v>28</v>
      </c>
      <c r="F9" s="1" t="s">
        <v>213</v>
      </c>
      <c r="G9" s="1" t="s">
        <v>214</v>
      </c>
      <c r="I9" s="1" t="s">
        <v>215</v>
      </c>
      <c r="J9" s="1" t="s">
        <v>216</v>
      </c>
      <c r="K9" s="1" t="s">
        <v>217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60</v>
      </c>
      <c r="R9" s="1" t="s">
        <v>52</v>
      </c>
      <c r="S9" s="1" t="s">
        <v>116</v>
      </c>
      <c r="T9" s="1" t="s">
        <v>42</v>
      </c>
      <c r="U9" s="1">
        <v>8.6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7916666666666663</v>
      </c>
      <c r="C10" s="1" t="s">
        <v>704</v>
      </c>
      <c r="D10" s="1" t="s">
        <v>27</v>
      </c>
      <c r="E10" s="1" t="s">
        <v>28</v>
      </c>
      <c r="F10" s="1" t="s">
        <v>218</v>
      </c>
      <c r="G10" s="1" t="s">
        <v>185</v>
      </c>
      <c r="I10" s="1" t="s">
        <v>219</v>
      </c>
      <c r="J10" s="1" t="s">
        <v>216</v>
      </c>
      <c r="K10" s="1" t="s">
        <v>220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40</v>
      </c>
      <c r="S10" s="1" t="s">
        <v>116</v>
      </c>
      <c r="T10" s="1" t="s">
        <v>42</v>
      </c>
      <c r="U10" s="1">
        <v>9</v>
      </c>
      <c r="V10" s="1"/>
      <c r="W10" s="1"/>
      <c r="X10" s="1">
        <v>0.71</v>
      </c>
      <c r="Y10" s="1">
        <v>5.8999999999999997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4</v>
      </c>
      <c r="BP10" s="1">
        <v>3.2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21</v>
      </c>
      <c r="B11" s="2">
        <v>0.22222222222222221</v>
      </c>
      <c r="C11" s="1" t="s">
        <v>704</v>
      </c>
      <c r="D11" s="1" t="s">
        <v>27</v>
      </c>
      <c r="E11" s="1" t="s">
        <v>28</v>
      </c>
      <c r="F11" s="1" t="s">
        <v>139</v>
      </c>
      <c r="G11" s="1" t="s">
        <v>222</v>
      </c>
      <c r="I11" s="1" t="s">
        <v>223</v>
      </c>
      <c r="J11" s="1" t="s">
        <v>216</v>
      </c>
      <c r="K11" s="1" t="s">
        <v>224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69</v>
      </c>
      <c r="R11" s="1" t="s">
        <v>52</v>
      </c>
      <c r="S11" s="1" t="s">
        <v>103</v>
      </c>
      <c r="T11" s="1" t="s">
        <v>42</v>
      </c>
      <c r="U11" s="1">
        <v>8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4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25</v>
      </c>
      <c r="B12" s="2">
        <v>0.52083333333333337</v>
      </c>
      <c r="C12" s="1" t="s">
        <v>704</v>
      </c>
      <c r="D12" s="1" t="s">
        <v>195</v>
      </c>
      <c r="E12" s="1" t="s">
        <v>28</v>
      </c>
      <c r="F12" s="1" t="s">
        <v>226</v>
      </c>
      <c r="G12" s="1" t="s">
        <v>174</v>
      </c>
      <c r="I12" s="1" t="s">
        <v>227</v>
      </c>
      <c r="J12" s="1" t="s">
        <v>211</v>
      </c>
      <c r="K12" s="1" t="s">
        <v>228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229</v>
      </c>
      <c r="R12" s="1" t="s">
        <v>78</v>
      </c>
      <c r="S12" s="1" t="s">
        <v>167</v>
      </c>
      <c r="T12" s="1" t="s">
        <v>128</v>
      </c>
      <c r="U12" s="1">
        <v>8.9</v>
      </c>
      <c r="V12" s="3">
        <v>3300</v>
      </c>
      <c r="W12" s="1"/>
      <c r="X12" s="1">
        <v>0.44</v>
      </c>
      <c r="Y12" s="1">
        <v>5.8999999999999997E-2</v>
      </c>
      <c r="Z12" s="1">
        <v>8.0000000000000004E-4</v>
      </c>
      <c r="AA12" s="1"/>
      <c r="AB12" s="1"/>
      <c r="AC12" s="1" t="s">
        <v>722</v>
      </c>
      <c r="AD12" s="1" t="s">
        <v>723</v>
      </c>
      <c r="AE12" s="1" t="s">
        <v>724</v>
      </c>
      <c r="AF12" s="1" t="s">
        <v>725</v>
      </c>
      <c r="AG12" s="1" t="s">
        <v>724</v>
      </c>
      <c r="AH12" s="1" t="s">
        <v>724</v>
      </c>
      <c r="AI12" s="1"/>
      <c r="AJ12" s="1"/>
      <c r="AK12" s="1"/>
      <c r="AL12" s="1" t="s">
        <v>727</v>
      </c>
      <c r="AM12" s="1"/>
      <c r="AN12" s="1"/>
      <c r="AO12" s="1"/>
      <c r="AP12" t="s">
        <v>727</v>
      </c>
      <c r="AQ12" s="1"/>
      <c r="AR12" s="1" t="s">
        <v>727</v>
      </c>
      <c r="AS12" s="1" t="s">
        <v>727</v>
      </c>
      <c r="AT12" s="1"/>
      <c r="AU12" s="1"/>
      <c r="AV12" s="1"/>
      <c r="AW12" s="1"/>
      <c r="AX12" s="1"/>
      <c r="AY12" s="1"/>
      <c r="AZ12" s="1" t="s">
        <v>732</v>
      </c>
      <c r="BA12" s="1">
        <v>1.2999999999999999E-2</v>
      </c>
      <c r="BB12" s="1" t="s">
        <v>734</v>
      </c>
      <c r="BC12" s="1">
        <v>0.36</v>
      </c>
      <c r="BD12" s="1">
        <v>0.41</v>
      </c>
      <c r="BE12" s="1"/>
      <c r="BF12" s="1" t="s">
        <v>733</v>
      </c>
      <c r="BG12" s="1">
        <v>1.1000000000000001E-3</v>
      </c>
      <c r="BH12" s="1" t="s">
        <v>725</v>
      </c>
      <c r="BI12" s="1" t="s">
        <v>723</v>
      </c>
      <c r="BJ12" s="1"/>
      <c r="BK12" s="1"/>
      <c r="BL12" s="1"/>
      <c r="BM12" s="1">
        <v>0.05</v>
      </c>
      <c r="BN12" s="1">
        <v>3.9E-2</v>
      </c>
      <c r="BO12" s="1">
        <v>14</v>
      </c>
      <c r="BP12" s="1">
        <v>3.4</v>
      </c>
      <c r="BQ12" s="1"/>
      <c r="BR12" s="1" t="s">
        <v>74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875</v>
      </c>
      <c r="C13" s="1" t="s">
        <v>704</v>
      </c>
      <c r="D13" s="1" t="s">
        <v>195</v>
      </c>
      <c r="E13" s="1" t="s">
        <v>28</v>
      </c>
      <c r="F13" s="1" t="s">
        <v>230</v>
      </c>
      <c r="G13" s="1" t="s">
        <v>230</v>
      </c>
      <c r="I13" s="1" t="s">
        <v>231</v>
      </c>
      <c r="J13" s="1" t="s">
        <v>232</v>
      </c>
      <c r="K13" s="1" t="s">
        <v>233</v>
      </c>
      <c r="L13" s="1" t="s">
        <v>234</v>
      </c>
      <c r="N13" s="1" t="s">
        <v>36</v>
      </c>
      <c r="O13" s="1" t="s">
        <v>235</v>
      </c>
      <c r="P13" s="1" t="s">
        <v>38</v>
      </c>
      <c r="Q13" s="1" t="s">
        <v>163</v>
      </c>
      <c r="R13" s="1" t="s">
        <v>41</v>
      </c>
      <c r="S13" s="1" t="s">
        <v>236</v>
      </c>
      <c r="T13" s="1" t="s">
        <v>155</v>
      </c>
      <c r="U13" s="1">
        <v>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5486111111111116</v>
      </c>
      <c r="C14" s="1" t="s">
        <v>704</v>
      </c>
      <c r="D14" s="1" t="s">
        <v>195</v>
      </c>
      <c r="E14" s="1" t="s">
        <v>28</v>
      </c>
      <c r="F14" s="1" t="s">
        <v>174</v>
      </c>
      <c r="G14" s="1" t="s">
        <v>237</v>
      </c>
      <c r="I14" s="1" t="s">
        <v>238</v>
      </c>
      <c r="J14" s="1" t="s">
        <v>87</v>
      </c>
      <c r="K14" s="1" t="s">
        <v>88</v>
      </c>
      <c r="L14" s="1" t="s">
        <v>239</v>
      </c>
      <c r="N14" s="1" t="s">
        <v>36</v>
      </c>
      <c r="O14" s="1" t="s">
        <v>240</v>
      </c>
      <c r="P14" s="1" t="s">
        <v>38</v>
      </c>
      <c r="Q14" s="1" t="s">
        <v>241</v>
      </c>
      <c r="R14" s="1" t="s">
        <v>242</v>
      </c>
      <c r="S14" s="1" t="s">
        <v>243</v>
      </c>
      <c r="T14" s="1" t="s">
        <v>244</v>
      </c>
      <c r="U14" s="1">
        <v>8.6</v>
      </c>
      <c r="V14" s="1"/>
      <c r="W14" s="1"/>
      <c r="X14" s="1">
        <v>1.2</v>
      </c>
      <c r="Y14" s="1">
        <v>0.1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>
        <v>3.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5</v>
      </c>
      <c r="B15" s="2">
        <v>0.19444444444444445</v>
      </c>
      <c r="C15" s="1" t="s">
        <v>704</v>
      </c>
      <c r="D15" s="1" t="s">
        <v>195</v>
      </c>
      <c r="E15" s="1" t="s">
        <v>28</v>
      </c>
      <c r="F15" s="1" t="s">
        <v>177</v>
      </c>
      <c r="G15" s="1" t="s">
        <v>246</v>
      </c>
      <c r="I15" s="1" t="s">
        <v>247</v>
      </c>
      <c r="J15" s="1" t="s">
        <v>87</v>
      </c>
      <c r="K15" s="1" t="s">
        <v>88</v>
      </c>
      <c r="L15" s="1" t="s">
        <v>248</v>
      </c>
      <c r="N15" s="1" t="s">
        <v>249</v>
      </c>
      <c r="O15" s="1" t="s">
        <v>240</v>
      </c>
      <c r="P15" s="1" t="s">
        <v>38</v>
      </c>
      <c r="Q15" s="1" t="s">
        <v>241</v>
      </c>
      <c r="R15" s="1" t="s">
        <v>116</v>
      </c>
      <c r="S15" s="1" t="s">
        <v>250</v>
      </c>
      <c r="T15" s="1" t="s">
        <v>244</v>
      </c>
      <c r="U15" s="1">
        <v>8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63</v>
      </c>
      <c r="B16" s="2">
        <v>0.49305555555555558</v>
      </c>
      <c r="C16" s="1" t="s">
        <v>704</v>
      </c>
      <c r="D16" s="1" t="s">
        <v>64</v>
      </c>
      <c r="E16" s="1" t="s">
        <v>28</v>
      </c>
      <c r="F16" s="1" t="s">
        <v>138</v>
      </c>
      <c r="G16" s="1" t="s">
        <v>44</v>
      </c>
      <c r="I16" s="1" t="s">
        <v>251</v>
      </c>
      <c r="J16" s="1" t="s">
        <v>216</v>
      </c>
      <c r="K16" s="1" t="s">
        <v>252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60</v>
      </c>
      <c r="R16" s="1" t="s">
        <v>89</v>
      </c>
      <c r="S16" s="1" t="s">
        <v>111</v>
      </c>
      <c r="T16" s="1" t="s">
        <v>42</v>
      </c>
      <c r="U16" s="1">
        <v>8.3000000000000007</v>
      </c>
      <c r="V16" s="3">
        <v>7900</v>
      </c>
      <c r="W16" s="1"/>
      <c r="X16" s="1">
        <v>0.7</v>
      </c>
      <c r="Y16" s="1">
        <v>7.6999999999999999E-2</v>
      </c>
      <c r="Z16" s="1">
        <v>8.9999999999999998E-4</v>
      </c>
      <c r="AA16" s="1"/>
      <c r="AB16" s="1"/>
      <c r="AC16" s="1" t="s">
        <v>722</v>
      </c>
      <c r="AD16" s="1" t="s">
        <v>723</v>
      </c>
      <c r="AE16" s="1" t="s">
        <v>724</v>
      </c>
      <c r="AF16" s="1" t="s">
        <v>725</v>
      </c>
      <c r="AG16" s="1" t="s">
        <v>724</v>
      </c>
      <c r="AH16" s="1" t="s">
        <v>724</v>
      </c>
      <c r="AI16" s="1"/>
      <c r="AJ16" s="1"/>
      <c r="AK16" s="1"/>
      <c r="AL16" s="1" t="s">
        <v>727</v>
      </c>
      <c r="AM16" s="1"/>
      <c r="AN16" s="1"/>
      <c r="AO16" s="1"/>
      <c r="AP16" t="s">
        <v>727</v>
      </c>
      <c r="AQ16" s="1"/>
      <c r="AR16" s="1" t="s">
        <v>727</v>
      </c>
      <c r="AS16" s="1" t="s">
        <v>727</v>
      </c>
      <c r="AT16" s="1"/>
      <c r="AU16" s="1" t="s">
        <v>724</v>
      </c>
      <c r="AV16" s="1" t="s">
        <v>722</v>
      </c>
      <c r="AW16" s="1" t="s">
        <v>722</v>
      </c>
      <c r="AX16" s="1"/>
      <c r="AY16" s="1"/>
      <c r="AZ16" s="1"/>
      <c r="BA16" s="1"/>
      <c r="BB16" s="1" t="s">
        <v>734</v>
      </c>
      <c r="BC16" s="1">
        <v>0.57999999999999996</v>
      </c>
      <c r="BD16" s="1">
        <v>0.63</v>
      </c>
      <c r="BE16" s="1"/>
      <c r="BF16" s="1"/>
      <c r="BG16" s="1"/>
      <c r="BH16" s="1"/>
      <c r="BI16" s="1"/>
      <c r="BJ16" s="1"/>
      <c r="BK16" s="1"/>
      <c r="BL16" s="1"/>
      <c r="BM16" s="1" t="s">
        <v>739</v>
      </c>
      <c r="BN16" s="1">
        <v>6.6000000000000003E-2</v>
      </c>
      <c r="BO16" s="1">
        <v>15</v>
      </c>
      <c r="BP16" s="1">
        <v>3.7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9791666666666663</v>
      </c>
      <c r="C17" s="1" t="s">
        <v>704</v>
      </c>
      <c r="D17" s="1" t="s">
        <v>64</v>
      </c>
      <c r="E17" s="1" t="s">
        <v>28</v>
      </c>
      <c r="F17" s="1" t="s">
        <v>253</v>
      </c>
      <c r="G17" s="1" t="s">
        <v>254</v>
      </c>
      <c r="I17" s="1" t="s">
        <v>255</v>
      </c>
      <c r="J17" s="1" t="s">
        <v>216</v>
      </c>
      <c r="K17" s="1" t="s">
        <v>224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256</v>
      </c>
      <c r="R17" s="1" t="s">
        <v>257</v>
      </c>
      <c r="S17" s="1" t="s">
        <v>116</v>
      </c>
      <c r="T17" s="1" t="s">
        <v>155</v>
      </c>
      <c r="U17" s="1">
        <v>7.5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5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7569444444444453</v>
      </c>
      <c r="C18" s="1" t="s">
        <v>704</v>
      </c>
      <c r="D18" s="1" t="s">
        <v>64</v>
      </c>
      <c r="E18" s="1" t="s">
        <v>28</v>
      </c>
      <c r="F18" s="1" t="s">
        <v>258</v>
      </c>
      <c r="G18" s="1" t="s">
        <v>85</v>
      </c>
      <c r="I18" s="1" t="s">
        <v>259</v>
      </c>
      <c r="J18" s="1" t="s">
        <v>216</v>
      </c>
      <c r="K18" s="1" t="s">
        <v>220</v>
      </c>
      <c r="L18" s="1" t="s">
        <v>260</v>
      </c>
      <c r="N18" s="1" t="s">
        <v>249</v>
      </c>
      <c r="O18" s="1" t="s">
        <v>240</v>
      </c>
      <c r="P18" s="1" t="s">
        <v>38</v>
      </c>
      <c r="Q18" s="1" t="s">
        <v>127</v>
      </c>
      <c r="R18" s="1" t="s">
        <v>41</v>
      </c>
      <c r="S18" s="1" t="s">
        <v>261</v>
      </c>
      <c r="T18" s="1" t="s">
        <v>262</v>
      </c>
      <c r="U18" s="1">
        <v>8</v>
      </c>
      <c r="V18" s="1"/>
      <c r="W18" s="1"/>
      <c r="X18" s="1">
        <v>1</v>
      </c>
      <c r="Y18" s="1">
        <v>0.1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4</v>
      </c>
      <c r="BP18" s="1">
        <v>3.8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63</v>
      </c>
      <c r="B19" s="2">
        <v>0.22916666666666666</v>
      </c>
      <c r="C19" s="1" t="s">
        <v>704</v>
      </c>
      <c r="D19" s="1" t="s">
        <v>64</v>
      </c>
      <c r="E19" s="1" t="s">
        <v>28</v>
      </c>
      <c r="F19" s="1" t="s">
        <v>264</v>
      </c>
      <c r="G19" s="1" t="s">
        <v>265</v>
      </c>
      <c r="I19" s="1" t="s">
        <v>266</v>
      </c>
      <c r="J19" s="1" t="s">
        <v>216</v>
      </c>
      <c r="K19" s="1" t="s">
        <v>267</v>
      </c>
      <c r="L19" s="1" t="s">
        <v>268</v>
      </c>
      <c r="N19" s="1" t="s">
        <v>249</v>
      </c>
      <c r="O19" s="1" t="s">
        <v>269</v>
      </c>
      <c r="P19" s="1" t="s">
        <v>38</v>
      </c>
      <c r="Q19" s="1" t="s">
        <v>39</v>
      </c>
      <c r="R19" s="1" t="s">
        <v>52</v>
      </c>
      <c r="S19" s="1" t="s">
        <v>270</v>
      </c>
      <c r="T19" s="1" t="s">
        <v>271</v>
      </c>
      <c r="U19" s="1">
        <v>7.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2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272</v>
      </c>
      <c r="B20" s="2">
        <v>0.48958333333333331</v>
      </c>
      <c r="C20" s="1" t="s">
        <v>704</v>
      </c>
      <c r="D20" s="1" t="s">
        <v>27</v>
      </c>
      <c r="E20" s="1" t="s">
        <v>28</v>
      </c>
      <c r="F20" s="1" t="s">
        <v>273</v>
      </c>
      <c r="G20" s="1" t="s">
        <v>274</v>
      </c>
      <c r="I20" s="1" t="s">
        <v>275</v>
      </c>
      <c r="J20" s="1" t="s">
        <v>87</v>
      </c>
      <c r="K20" s="1" t="s">
        <v>276</v>
      </c>
      <c r="L20" s="1" t="s">
        <v>271</v>
      </c>
      <c r="N20" s="1" t="s">
        <v>36</v>
      </c>
      <c r="O20" s="1" t="s">
        <v>277</v>
      </c>
      <c r="P20" s="1" t="s">
        <v>38</v>
      </c>
      <c r="Q20" s="1" t="s">
        <v>69</v>
      </c>
      <c r="R20" s="1" t="s">
        <v>51</v>
      </c>
      <c r="S20" s="1" t="s">
        <v>278</v>
      </c>
      <c r="T20" s="1" t="s">
        <v>279</v>
      </c>
      <c r="U20" s="1">
        <v>7.9</v>
      </c>
      <c r="V20" s="3">
        <v>23000</v>
      </c>
      <c r="W20" s="1" t="s">
        <v>728</v>
      </c>
      <c r="X20" s="1">
        <v>0.61</v>
      </c>
      <c r="Y20" s="1">
        <v>5.8000000000000003E-2</v>
      </c>
      <c r="Z20" s="1">
        <v>1.2999999999999999E-3</v>
      </c>
      <c r="AA20" s="1"/>
      <c r="AB20" s="1"/>
      <c r="AC20" s="1" t="s">
        <v>722</v>
      </c>
      <c r="AD20" s="1" t="s">
        <v>723</v>
      </c>
      <c r="AE20" s="1" t="s">
        <v>724</v>
      </c>
      <c r="AF20" s="1" t="s">
        <v>725</v>
      </c>
      <c r="AG20" s="1" t="s">
        <v>724</v>
      </c>
      <c r="AH20" s="1" t="s">
        <v>724</v>
      </c>
      <c r="AI20" s="1"/>
      <c r="AJ20" s="1"/>
      <c r="AK20" s="1" t="s">
        <v>727</v>
      </c>
      <c r="AL20" s="1" t="s">
        <v>727</v>
      </c>
      <c r="AM20" s="1" t="s">
        <v>727</v>
      </c>
      <c r="AN20" s="1" t="s">
        <v>727</v>
      </c>
      <c r="AO20" s="1" t="s">
        <v>727</v>
      </c>
      <c r="AP20" t="s">
        <v>727</v>
      </c>
      <c r="AQ20" s="1" t="s">
        <v>727</v>
      </c>
      <c r="AR20" s="1" t="s">
        <v>727</v>
      </c>
      <c r="AS20" s="1" t="s">
        <v>727</v>
      </c>
      <c r="AT20" s="1" t="s">
        <v>735</v>
      </c>
      <c r="AU20" s="1"/>
      <c r="AV20" s="1"/>
      <c r="AW20" s="1"/>
      <c r="AX20" s="1" t="s">
        <v>727</v>
      </c>
      <c r="AY20" s="1" t="s">
        <v>724</v>
      </c>
      <c r="AZ20" s="1" t="s">
        <v>732</v>
      </c>
      <c r="BA20" s="1">
        <v>0.01</v>
      </c>
      <c r="BB20" s="1" t="s">
        <v>734</v>
      </c>
      <c r="BC20" s="1">
        <v>0.55000000000000004</v>
      </c>
      <c r="BD20" s="1">
        <v>0.6</v>
      </c>
      <c r="BE20" s="1"/>
      <c r="BF20" s="1" t="s">
        <v>733</v>
      </c>
      <c r="BG20" s="1">
        <v>3.8E-3</v>
      </c>
      <c r="BH20" s="1">
        <v>0.02</v>
      </c>
      <c r="BI20" s="1" t="s">
        <v>723</v>
      </c>
      <c r="BJ20" s="1"/>
      <c r="BK20" s="1"/>
      <c r="BL20" s="1" t="s">
        <v>740</v>
      </c>
      <c r="BM20" s="1">
        <v>0.04</v>
      </c>
      <c r="BN20" s="1">
        <v>5.6000000000000001E-2</v>
      </c>
      <c r="BO20" s="1">
        <v>12</v>
      </c>
      <c r="BP20" s="1">
        <v>2.5</v>
      </c>
      <c r="BQ20" s="1"/>
      <c r="BR20" s="1" t="s">
        <v>74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9097222222222221</v>
      </c>
      <c r="C21" s="1" t="s">
        <v>704</v>
      </c>
      <c r="D21" s="1" t="s">
        <v>27</v>
      </c>
      <c r="E21" s="1" t="s">
        <v>28</v>
      </c>
      <c r="F21" s="1" t="s">
        <v>280</v>
      </c>
      <c r="G21" s="1" t="s">
        <v>281</v>
      </c>
      <c r="I21" s="1" t="s">
        <v>282</v>
      </c>
      <c r="J21" s="1" t="s">
        <v>108</v>
      </c>
      <c r="K21" s="1" t="s">
        <v>283</v>
      </c>
      <c r="L21" s="1" t="s">
        <v>271</v>
      </c>
      <c r="N21" s="1" t="s">
        <v>36</v>
      </c>
      <c r="O21" s="1" t="s">
        <v>277</v>
      </c>
      <c r="P21" s="1" t="s">
        <v>38</v>
      </c>
      <c r="Q21" s="1" t="s">
        <v>50</v>
      </c>
      <c r="R21" s="1" t="s">
        <v>257</v>
      </c>
      <c r="S21" s="1" t="s">
        <v>116</v>
      </c>
      <c r="T21" s="1" t="s">
        <v>284</v>
      </c>
      <c r="U21" s="1">
        <v>7.9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4791666666666663</v>
      </c>
      <c r="C22" s="1" t="s">
        <v>704</v>
      </c>
      <c r="D22" s="1" t="s">
        <v>27</v>
      </c>
      <c r="E22" s="1" t="s">
        <v>28</v>
      </c>
      <c r="F22" s="1" t="s">
        <v>285</v>
      </c>
      <c r="G22" s="1" t="s">
        <v>286</v>
      </c>
      <c r="I22" s="1" t="s">
        <v>287</v>
      </c>
      <c r="J22" s="1" t="s">
        <v>108</v>
      </c>
      <c r="K22" s="1" t="s">
        <v>288</v>
      </c>
      <c r="L22" s="1" t="s">
        <v>289</v>
      </c>
      <c r="N22" s="1" t="s">
        <v>36</v>
      </c>
      <c r="O22" s="1" t="s">
        <v>277</v>
      </c>
      <c r="P22" s="1" t="s">
        <v>38</v>
      </c>
      <c r="Q22" s="1" t="s">
        <v>127</v>
      </c>
      <c r="R22" s="1" t="s">
        <v>290</v>
      </c>
      <c r="S22" s="1" t="s">
        <v>291</v>
      </c>
      <c r="T22" s="1" t="s">
        <v>279</v>
      </c>
      <c r="U22" s="1">
        <v>8.1</v>
      </c>
      <c r="V22" s="1"/>
      <c r="W22" s="1"/>
      <c r="X22" s="1">
        <v>0.71</v>
      </c>
      <c r="Y22" s="1">
        <v>6.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3</v>
      </c>
      <c r="BP22" s="1">
        <v>2.7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92</v>
      </c>
      <c r="B23" s="2">
        <v>0.20138888888888887</v>
      </c>
      <c r="C23" s="1" t="s">
        <v>704</v>
      </c>
      <c r="D23" s="1" t="s">
        <v>27</v>
      </c>
      <c r="E23" s="1" t="s">
        <v>28</v>
      </c>
      <c r="F23" s="1" t="s">
        <v>293</v>
      </c>
      <c r="G23" s="1" t="s">
        <v>294</v>
      </c>
      <c r="I23" s="1" t="s">
        <v>295</v>
      </c>
      <c r="J23" s="1" t="s">
        <v>87</v>
      </c>
      <c r="K23" s="1" t="s">
        <v>296</v>
      </c>
      <c r="L23" s="1" t="s">
        <v>297</v>
      </c>
      <c r="N23" s="1" t="s">
        <v>36</v>
      </c>
      <c r="O23" s="1" t="s">
        <v>277</v>
      </c>
      <c r="P23" s="1" t="s">
        <v>38</v>
      </c>
      <c r="Q23" s="1" t="s">
        <v>39</v>
      </c>
      <c r="R23" s="1" t="s">
        <v>51</v>
      </c>
      <c r="S23" s="1" t="s">
        <v>167</v>
      </c>
      <c r="T23" s="1" t="s">
        <v>284</v>
      </c>
      <c r="U23" s="1">
        <v>7.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2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8</v>
      </c>
      <c r="B24" s="2">
        <v>0.4826388888888889</v>
      </c>
      <c r="C24" s="1" t="s">
        <v>704</v>
      </c>
      <c r="D24" s="1" t="s">
        <v>64</v>
      </c>
      <c r="E24" s="1" t="s">
        <v>28</v>
      </c>
      <c r="F24" s="1" t="s">
        <v>299</v>
      </c>
      <c r="G24" s="1" t="s">
        <v>300</v>
      </c>
      <c r="I24" s="1" t="s">
        <v>301</v>
      </c>
      <c r="J24" s="1" t="s">
        <v>122</v>
      </c>
      <c r="K24" s="1" t="s">
        <v>302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69</v>
      </c>
      <c r="R24" s="1" t="s">
        <v>70</v>
      </c>
      <c r="S24" s="1" t="s">
        <v>103</v>
      </c>
      <c r="T24" s="1" t="s">
        <v>303</v>
      </c>
      <c r="U24" s="1">
        <v>8.6999999999999993</v>
      </c>
      <c r="V24" s="3">
        <v>4900</v>
      </c>
      <c r="W24" s="1"/>
      <c r="X24" s="1">
        <v>0.66</v>
      </c>
      <c r="Y24" s="1">
        <v>5.6000000000000001E-2</v>
      </c>
      <c r="Z24" s="1">
        <v>5.0000000000000001E-4</v>
      </c>
      <c r="AA24" s="1"/>
      <c r="AB24" s="1"/>
      <c r="AC24" s="1" t="s">
        <v>722</v>
      </c>
      <c r="AD24" s="1" t="s">
        <v>723</v>
      </c>
      <c r="AE24" s="1" t="s">
        <v>724</v>
      </c>
      <c r="AF24" s="1" t="s">
        <v>725</v>
      </c>
      <c r="AG24" s="1" t="s">
        <v>724</v>
      </c>
      <c r="AH24" s="1" t="s">
        <v>724</v>
      </c>
      <c r="AI24" s="1"/>
      <c r="AJ24" s="1"/>
      <c r="AK24" s="1"/>
      <c r="AL24" s="1" t="s">
        <v>727</v>
      </c>
      <c r="AM24" s="1"/>
      <c r="AN24" s="1"/>
      <c r="AO24" s="1"/>
      <c r="AP24" t="s">
        <v>727</v>
      </c>
      <c r="AQ24" s="1"/>
      <c r="AR24" s="1" t="s">
        <v>727</v>
      </c>
      <c r="AS24" s="1" t="s">
        <v>727</v>
      </c>
      <c r="AT24" s="1"/>
      <c r="AU24" s="1"/>
      <c r="AV24" s="1"/>
      <c r="AW24" s="1"/>
      <c r="AX24" s="1"/>
      <c r="AY24" s="1"/>
      <c r="AZ24" s="1"/>
      <c r="BA24" s="1"/>
      <c r="BB24" s="1" t="s">
        <v>734</v>
      </c>
      <c r="BC24" s="1">
        <v>0.56999999999999995</v>
      </c>
      <c r="BD24" s="1">
        <v>0.62</v>
      </c>
      <c r="BE24" s="1"/>
      <c r="BF24" s="1"/>
      <c r="BG24" s="1"/>
      <c r="BH24" s="1"/>
      <c r="BI24" s="1"/>
      <c r="BJ24" s="1"/>
      <c r="BK24" s="1"/>
      <c r="BL24" s="1"/>
      <c r="BM24" s="1">
        <v>0.05</v>
      </c>
      <c r="BN24" s="1">
        <v>5.2999999999999999E-2</v>
      </c>
      <c r="BO24" s="1">
        <v>12</v>
      </c>
      <c r="BP24" s="1">
        <v>2.6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875</v>
      </c>
      <c r="C25" s="1" t="s">
        <v>704</v>
      </c>
      <c r="D25" s="1" t="s">
        <v>64</v>
      </c>
      <c r="E25" s="1" t="s">
        <v>28</v>
      </c>
      <c r="F25" s="1" t="s">
        <v>44</v>
      </c>
      <c r="G25" s="1" t="s">
        <v>300</v>
      </c>
      <c r="I25" s="1" t="s">
        <v>304</v>
      </c>
      <c r="J25" s="1" t="s">
        <v>122</v>
      </c>
      <c r="K25" s="1" t="s">
        <v>305</v>
      </c>
      <c r="L25" s="1" t="s">
        <v>35</v>
      </c>
      <c r="N25" s="1" t="s">
        <v>36</v>
      </c>
      <c r="O25" s="1" t="s">
        <v>37</v>
      </c>
      <c r="P25" s="1" t="s">
        <v>38</v>
      </c>
      <c r="Q25" s="1" t="s">
        <v>69</v>
      </c>
      <c r="R25" s="1" t="s">
        <v>70</v>
      </c>
      <c r="S25" s="1" t="s">
        <v>135</v>
      </c>
      <c r="T25" s="1" t="s">
        <v>128</v>
      </c>
      <c r="U25" s="1">
        <v>8.6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3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5138888888888884</v>
      </c>
      <c r="C26" s="1" t="s">
        <v>704</v>
      </c>
      <c r="D26" s="1" t="s">
        <v>64</v>
      </c>
      <c r="E26" s="1" t="s">
        <v>28</v>
      </c>
      <c r="F26" s="1" t="s">
        <v>230</v>
      </c>
      <c r="G26" s="1" t="s">
        <v>306</v>
      </c>
      <c r="I26" s="1" t="s">
        <v>307</v>
      </c>
      <c r="J26" s="1" t="s">
        <v>122</v>
      </c>
      <c r="K26" s="1" t="s">
        <v>308</v>
      </c>
      <c r="L26" s="1" t="s">
        <v>309</v>
      </c>
      <c r="N26" s="1" t="s">
        <v>36</v>
      </c>
      <c r="O26" s="1" t="s">
        <v>310</v>
      </c>
      <c r="P26" s="1" t="s">
        <v>38</v>
      </c>
      <c r="Q26" s="1" t="s">
        <v>39</v>
      </c>
      <c r="R26" s="1" t="s">
        <v>70</v>
      </c>
      <c r="S26" s="1" t="s">
        <v>144</v>
      </c>
      <c r="T26" s="1" t="s">
        <v>155</v>
      </c>
      <c r="U26" s="1">
        <v>8.1</v>
      </c>
      <c r="V26" s="1"/>
      <c r="W26" s="1"/>
      <c r="X26" s="1">
        <v>0.67</v>
      </c>
      <c r="Y26" s="1">
        <v>5.5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3</v>
      </c>
      <c r="BP26" s="1">
        <v>2.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11</v>
      </c>
      <c r="B27" s="2">
        <v>0.20486111111111113</v>
      </c>
      <c r="C27" s="1" t="s">
        <v>704</v>
      </c>
      <c r="D27" s="1" t="s">
        <v>64</v>
      </c>
      <c r="E27" s="1" t="s">
        <v>28</v>
      </c>
      <c r="F27" s="1" t="s">
        <v>312</v>
      </c>
      <c r="G27" s="1" t="s">
        <v>147</v>
      </c>
      <c r="I27" s="1" t="s">
        <v>313</v>
      </c>
      <c r="J27" s="1" t="s">
        <v>122</v>
      </c>
      <c r="K27" s="1" t="s">
        <v>75</v>
      </c>
      <c r="L27" s="1" t="s">
        <v>314</v>
      </c>
      <c r="N27" s="1" t="s">
        <v>249</v>
      </c>
      <c r="O27" s="1" t="s">
        <v>235</v>
      </c>
      <c r="P27" s="1" t="s">
        <v>38</v>
      </c>
      <c r="Q27" s="1" t="s">
        <v>39</v>
      </c>
      <c r="R27" s="1" t="s">
        <v>52</v>
      </c>
      <c r="S27" s="1" t="s">
        <v>144</v>
      </c>
      <c r="T27" s="1" t="s">
        <v>155</v>
      </c>
      <c r="U27" s="1">
        <v>8.5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15</v>
      </c>
      <c r="B28" s="2">
        <v>0.49027777777777781</v>
      </c>
      <c r="C28" s="1" t="s">
        <v>704</v>
      </c>
      <c r="D28" s="1" t="s">
        <v>27</v>
      </c>
      <c r="E28" s="1" t="s">
        <v>28</v>
      </c>
      <c r="F28" s="1" t="s">
        <v>286</v>
      </c>
      <c r="G28" s="1" t="s">
        <v>73</v>
      </c>
      <c r="I28" s="1" t="s">
        <v>316</v>
      </c>
      <c r="J28" s="1" t="s">
        <v>216</v>
      </c>
      <c r="K28" s="1" t="s">
        <v>224</v>
      </c>
      <c r="L28" s="1" t="s">
        <v>317</v>
      </c>
      <c r="N28" s="1" t="s">
        <v>249</v>
      </c>
      <c r="O28" s="1" t="s">
        <v>310</v>
      </c>
      <c r="P28" s="1" t="s">
        <v>38</v>
      </c>
      <c r="Q28" s="1" t="s">
        <v>77</v>
      </c>
      <c r="R28" s="1" t="s">
        <v>40</v>
      </c>
      <c r="S28" s="1" t="s">
        <v>144</v>
      </c>
      <c r="T28" s="1" t="s">
        <v>279</v>
      </c>
      <c r="U28" s="1">
        <v>8.5</v>
      </c>
      <c r="V28" s="3">
        <v>7900</v>
      </c>
      <c r="W28" s="1"/>
      <c r="X28" s="1">
        <v>0.7</v>
      </c>
      <c r="Y28" s="1">
        <v>6.6000000000000003E-2</v>
      </c>
      <c r="Z28" s="1">
        <v>1.1999999999999999E-3</v>
      </c>
      <c r="AC28" s="1" t="s">
        <v>722</v>
      </c>
      <c r="AD28" s="1" t="s">
        <v>723</v>
      </c>
      <c r="AE28" s="1" t="s">
        <v>724</v>
      </c>
      <c r="AF28" s="1" t="s">
        <v>725</v>
      </c>
      <c r="AG28" s="1" t="s">
        <v>724</v>
      </c>
      <c r="AH28" s="1" t="s">
        <v>724</v>
      </c>
      <c r="AI28" s="1"/>
      <c r="AJ28" s="1"/>
      <c r="AK28" s="1"/>
      <c r="AL28" s="1" t="s">
        <v>727</v>
      </c>
      <c r="AM28" s="1"/>
      <c r="AN28" s="1"/>
      <c r="AO28" s="1"/>
      <c r="AP28" t="s">
        <v>727</v>
      </c>
      <c r="AQ28" s="1"/>
      <c r="AR28" s="1" t="s">
        <v>727</v>
      </c>
      <c r="AS28" s="1" t="s">
        <v>727</v>
      </c>
      <c r="AT28" s="1"/>
      <c r="AU28" s="1"/>
      <c r="AV28" s="1"/>
      <c r="AW28" s="1"/>
      <c r="AX28" s="1"/>
      <c r="AY28" s="1"/>
      <c r="AZ28" s="1" t="s">
        <v>732</v>
      </c>
      <c r="BA28" s="1">
        <v>1.2E-2</v>
      </c>
      <c r="BB28" s="1" t="s">
        <v>734</v>
      </c>
      <c r="BC28" s="1">
        <v>0.64</v>
      </c>
      <c r="BD28" s="1">
        <v>0.69</v>
      </c>
      <c r="BF28" s="1" t="s">
        <v>733</v>
      </c>
      <c r="BG28" s="1">
        <v>1.1000000000000001E-3</v>
      </c>
      <c r="BH28" s="1">
        <v>0.08</v>
      </c>
      <c r="BI28" s="1" t="s">
        <v>723</v>
      </c>
      <c r="BJ28" s="1"/>
      <c r="BK28" s="1"/>
      <c r="BL28" s="1"/>
      <c r="BM28" s="1" t="s">
        <v>739</v>
      </c>
      <c r="BN28" s="1">
        <v>5.2999999999999999E-2</v>
      </c>
      <c r="BO28" s="1">
        <v>13</v>
      </c>
      <c r="BP28" s="1">
        <v>2.8</v>
      </c>
      <c r="BQ28" s="1"/>
      <c r="BR28" s="1" t="s">
        <v>74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9097222222222221</v>
      </c>
      <c r="C29" s="1" t="s">
        <v>704</v>
      </c>
      <c r="D29" s="1" t="s">
        <v>27</v>
      </c>
      <c r="E29" s="1" t="s">
        <v>28</v>
      </c>
      <c r="F29" s="1" t="s">
        <v>318</v>
      </c>
      <c r="G29" s="1" t="s">
        <v>226</v>
      </c>
      <c r="I29" s="1" t="s">
        <v>319</v>
      </c>
      <c r="J29" s="1" t="s">
        <v>211</v>
      </c>
      <c r="K29" s="1" t="s">
        <v>212</v>
      </c>
      <c r="L29" s="1" t="s">
        <v>317</v>
      </c>
      <c r="N29" s="1" t="s">
        <v>36</v>
      </c>
      <c r="O29" s="1" t="s">
        <v>310</v>
      </c>
      <c r="P29" s="1" t="s">
        <v>38</v>
      </c>
      <c r="Q29" s="1" t="s">
        <v>77</v>
      </c>
      <c r="R29" s="1" t="s">
        <v>78</v>
      </c>
      <c r="S29" s="1" t="s">
        <v>144</v>
      </c>
      <c r="T29" s="1" t="s">
        <v>303</v>
      </c>
      <c r="U29" s="1">
        <v>8.4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4097222222222221</v>
      </c>
      <c r="C30" s="1" t="s">
        <v>704</v>
      </c>
      <c r="D30" s="1" t="s">
        <v>64</v>
      </c>
      <c r="E30" s="1" t="s">
        <v>28</v>
      </c>
      <c r="F30" s="1" t="s">
        <v>226</v>
      </c>
      <c r="G30" s="1" t="s">
        <v>320</v>
      </c>
      <c r="I30" s="1" t="s">
        <v>321</v>
      </c>
      <c r="J30" s="1" t="s">
        <v>216</v>
      </c>
      <c r="K30" s="1" t="s">
        <v>267</v>
      </c>
      <c r="L30" s="1" t="s">
        <v>322</v>
      </c>
      <c r="N30" s="1" t="s">
        <v>36</v>
      </c>
      <c r="O30" s="1" t="s">
        <v>310</v>
      </c>
      <c r="P30" s="1" t="s">
        <v>38</v>
      </c>
      <c r="Q30" s="1" t="s">
        <v>39</v>
      </c>
      <c r="R30" s="1" t="s">
        <v>61</v>
      </c>
      <c r="S30" s="1" t="s">
        <v>62</v>
      </c>
      <c r="T30" s="1" t="s">
        <v>279</v>
      </c>
      <c r="U30" s="1">
        <v>8.3000000000000007</v>
      </c>
      <c r="V30" s="1"/>
      <c r="W30" s="1"/>
      <c r="X30" s="1">
        <v>0.7</v>
      </c>
      <c r="Y30" s="1">
        <v>6.9000000000000006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3</v>
      </c>
      <c r="BP30" s="1">
        <v>2.9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23</v>
      </c>
      <c r="B31" s="2">
        <v>0.19097222222222221</v>
      </c>
      <c r="C31" s="1" t="s">
        <v>704</v>
      </c>
      <c r="D31" s="1" t="s">
        <v>64</v>
      </c>
      <c r="E31" s="1" t="s">
        <v>28</v>
      </c>
      <c r="F31" s="1" t="s">
        <v>147</v>
      </c>
      <c r="G31" s="1" t="s">
        <v>177</v>
      </c>
      <c r="I31" s="1" t="s">
        <v>324</v>
      </c>
      <c r="J31" s="1" t="s">
        <v>216</v>
      </c>
      <c r="K31" s="1" t="s">
        <v>224</v>
      </c>
      <c r="L31" s="1" t="s">
        <v>322</v>
      </c>
      <c r="N31" s="1" t="s">
        <v>36</v>
      </c>
      <c r="O31" s="1" t="s">
        <v>310</v>
      </c>
      <c r="P31" s="1" t="s">
        <v>38</v>
      </c>
      <c r="Q31" s="1" t="s">
        <v>39</v>
      </c>
      <c r="R31" s="1" t="s">
        <v>51</v>
      </c>
      <c r="S31" s="1" t="s">
        <v>41</v>
      </c>
      <c r="T31" s="1" t="s">
        <v>155</v>
      </c>
      <c r="U31" s="1">
        <v>8.6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3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25</v>
      </c>
      <c r="B32" s="2">
        <v>0.4861111111111111</v>
      </c>
      <c r="C32" s="1" t="s">
        <v>704</v>
      </c>
      <c r="D32" s="1" t="s">
        <v>64</v>
      </c>
      <c r="E32" s="1" t="s">
        <v>28</v>
      </c>
      <c r="F32" s="1" t="s">
        <v>326</v>
      </c>
      <c r="G32" s="1" t="s">
        <v>327</v>
      </c>
      <c r="I32" s="1" t="s">
        <v>328</v>
      </c>
      <c r="J32" s="1" t="s">
        <v>329</v>
      </c>
      <c r="K32" s="1" t="s">
        <v>137</v>
      </c>
      <c r="L32" s="1" t="s">
        <v>35</v>
      </c>
      <c r="N32" s="1" t="s">
        <v>36</v>
      </c>
      <c r="O32" s="1" t="s">
        <v>37</v>
      </c>
      <c r="P32" s="1" t="s">
        <v>38</v>
      </c>
      <c r="Q32" s="1" t="s">
        <v>149</v>
      </c>
      <c r="R32" s="1" t="s">
        <v>78</v>
      </c>
      <c r="S32" s="1" t="s">
        <v>135</v>
      </c>
      <c r="T32" s="1" t="s">
        <v>42</v>
      </c>
      <c r="U32" s="1">
        <v>7.5</v>
      </c>
      <c r="V32" s="3">
        <v>33000</v>
      </c>
      <c r="W32" s="1"/>
      <c r="X32" s="1">
        <v>0.71</v>
      </c>
      <c r="Y32" s="1">
        <v>9.8000000000000004E-2</v>
      </c>
      <c r="Z32" s="1">
        <v>1.1999999999999999E-3</v>
      </c>
      <c r="AC32" s="1" t="s">
        <v>722</v>
      </c>
      <c r="AD32" s="1" t="s">
        <v>723</v>
      </c>
      <c r="AE32" s="1" t="s">
        <v>724</v>
      </c>
      <c r="AF32" s="1" t="s">
        <v>725</v>
      </c>
      <c r="AG32" s="1" t="s">
        <v>724</v>
      </c>
      <c r="AH32" s="1" t="s">
        <v>724</v>
      </c>
      <c r="AI32" s="1"/>
      <c r="AJ32" s="1"/>
      <c r="AK32" s="1"/>
      <c r="AL32" s="1" t="s">
        <v>727</v>
      </c>
      <c r="AM32" s="1"/>
      <c r="AN32" s="1"/>
      <c r="AO32" s="1"/>
      <c r="AP32" t="s">
        <v>727</v>
      </c>
      <c r="AQ32" s="1"/>
      <c r="AR32" s="1" t="s">
        <v>727</v>
      </c>
      <c r="AS32" s="1" t="s">
        <v>727</v>
      </c>
      <c r="AT32" s="1"/>
      <c r="AU32" s="1"/>
      <c r="AV32" s="1"/>
      <c r="AW32" s="1"/>
      <c r="AX32" s="1"/>
      <c r="AY32" s="1"/>
      <c r="AZ32" s="1"/>
      <c r="BA32" s="1"/>
      <c r="BB32" s="1" t="s">
        <v>734</v>
      </c>
      <c r="BC32" s="1">
        <v>0.64</v>
      </c>
      <c r="BD32" s="1">
        <v>0.69</v>
      </c>
      <c r="BF32" s="1"/>
      <c r="BG32" s="1"/>
      <c r="BH32" s="1"/>
      <c r="BI32" s="1"/>
      <c r="BJ32" s="1"/>
      <c r="BK32" s="1"/>
      <c r="BL32" s="1"/>
      <c r="BM32" s="1" t="s">
        <v>739</v>
      </c>
      <c r="BN32" s="1">
        <v>8.5000000000000006E-2</v>
      </c>
      <c r="BO32" s="1">
        <v>15</v>
      </c>
      <c r="BP32" s="1">
        <v>3.9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9791666666666663</v>
      </c>
      <c r="C33" s="1" t="s">
        <v>704</v>
      </c>
      <c r="D33" s="1" t="s">
        <v>64</v>
      </c>
      <c r="E33" s="1" t="s">
        <v>28</v>
      </c>
      <c r="F33" s="1" t="s">
        <v>147</v>
      </c>
      <c r="G33" s="1" t="s">
        <v>330</v>
      </c>
      <c r="I33" s="1" t="s">
        <v>331</v>
      </c>
      <c r="J33" s="1" t="s">
        <v>329</v>
      </c>
      <c r="K33" s="1" t="s">
        <v>143</v>
      </c>
      <c r="L33" s="1" t="s">
        <v>35</v>
      </c>
      <c r="N33" s="1" t="s">
        <v>36</v>
      </c>
      <c r="O33" s="1" t="s">
        <v>37</v>
      </c>
      <c r="P33" s="1" t="s">
        <v>38</v>
      </c>
      <c r="Q33" s="1" t="s">
        <v>149</v>
      </c>
      <c r="R33" s="1" t="s">
        <v>61</v>
      </c>
      <c r="S33" s="1" t="s">
        <v>62</v>
      </c>
      <c r="T33" s="1" t="s">
        <v>79</v>
      </c>
      <c r="U33" s="1">
        <v>8.9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5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5138888888888884</v>
      </c>
      <c r="C34" s="1" t="s">
        <v>704</v>
      </c>
      <c r="D34" s="1" t="s">
        <v>27</v>
      </c>
      <c r="E34" s="1" t="s">
        <v>28</v>
      </c>
      <c r="F34" s="1" t="s">
        <v>99</v>
      </c>
      <c r="G34" s="1" t="s">
        <v>332</v>
      </c>
      <c r="I34" s="1" t="s">
        <v>231</v>
      </c>
      <c r="J34" s="1" t="s">
        <v>329</v>
      </c>
      <c r="K34" s="1" t="s">
        <v>333</v>
      </c>
      <c r="L34" s="1" t="s">
        <v>35</v>
      </c>
      <c r="N34" s="1" t="s">
        <v>36</v>
      </c>
      <c r="O34" s="1" t="s">
        <v>37</v>
      </c>
      <c r="P34" s="1" t="s">
        <v>38</v>
      </c>
      <c r="Q34" s="1" t="s">
        <v>127</v>
      </c>
      <c r="R34" s="1" t="s">
        <v>40</v>
      </c>
      <c r="S34" s="1" t="s">
        <v>41</v>
      </c>
      <c r="T34" s="1" t="s">
        <v>79</v>
      </c>
      <c r="U34" s="1">
        <v>9.5</v>
      </c>
      <c r="V34" s="1"/>
      <c r="W34" s="1"/>
      <c r="X34" s="1">
        <v>1</v>
      </c>
      <c r="Y34" s="1">
        <v>8.8999999999999996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15</v>
      </c>
      <c r="BP34" s="1">
        <v>3.9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90</v>
      </c>
      <c r="B35" s="2">
        <v>0.19791666666666666</v>
      </c>
      <c r="C35" s="1" t="s">
        <v>704</v>
      </c>
      <c r="D35" s="1" t="s">
        <v>27</v>
      </c>
      <c r="E35" s="1" t="s">
        <v>28</v>
      </c>
      <c r="F35" s="1" t="s">
        <v>334</v>
      </c>
      <c r="G35" s="1" t="s">
        <v>335</v>
      </c>
      <c r="I35" s="1" t="s">
        <v>231</v>
      </c>
      <c r="J35" s="1" t="s">
        <v>329</v>
      </c>
      <c r="K35" s="1" t="s">
        <v>58</v>
      </c>
      <c r="L35" s="1" t="s">
        <v>35</v>
      </c>
      <c r="N35" s="1" t="s">
        <v>36</v>
      </c>
      <c r="O35" s="1" t="s">
        <v>37</v>
      </c>
      <c r="P35" s="1" t="s">
        <v>38</v>
      </c>
      <c r="Q35" s="1" t="s">
        <v>39</v>
      </c>
      <c r="R35" s="1" t="s">
        <v>257</v>
      </c>
      <c r="S35" s="1" t="s">
        <v>52</v>
      </c>
      <c r="T35" s="1" t="s">
        <v>79</v>
      </c>
      <c r="U35" s="1">
        <v>8.9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5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97</v>
      </c>
      <c r="B36" s="2">
        <v>0.47916666666666669</v>
      </c>
      <c r="C36" s="1" t="s">
        <v>704</v>
      </c>
      <c r="D36" s="1" t="s">
        <v>27</v>
      </c>
      <c r="E36" s="1" t="s">
        <v>28</v>
      </c>
      <c r="F36" s="1" t="s">
        <v>336</v>
      </c>
      <c r="G36" s="1" t="s">
        <v>337</v>
      </c>
      <c r="I36" s="1" t="s">
        <v>196</v>
      </c>
      <c r="J36" s="1" t="s">
        <v>101</v>
      </c>
      <c r="K36" s="1" t="s">
        <v>338</v>
      </c>
      <c r="L36" s="1" t="s">
        <v>35</v>
      </c>
      <c r="N36" s="1" t="s">
        <v>36</v>
      </c>
      <c r="O36" s="1" t="s">
        <v>37</v>
      </c>
      <c r="P36" s="1" t="s">
        <v>38</v>
      </c>
      <c r="Q36" s="1" t="s">
        <v>60</v>
      </c>
      <c r="R36" s="1" t="s">
        <v>257</v>
      </c>
      <c r="S36" s="1" t="s">
        <v>135</v>
      </c>
      <c r="T36" s="1" t="s">
        <v>79</v>
      </c>
      <c r="U36" s="1">
        <v>8.5</v>
      </c>
      <c r="V36" s="3">
        <v>7900</v>
      </c>
      <c r="W36" s="1"/>
      <c r="X36" s="1">
        <v>0.78</v>
      </c>
      <c r="Y36" s="1">
        <v>0.1</v>
      </c>
      <c r="Z36" s="1">
        <v>5.9999999999999995E-4</v>
      </c>
      <c r="AC36" s="1" t="s">
        <v>722</v>
      </c>
      <c r="AD36" s="1" t="s">
        <v>723</v>
      </c>
      <c r="AE36" s="1" t="s">
        <v>724</v>
      </c>
      <c r="AF36" s="1" t="s">
        <v>725</v>
      </c>
      <c r="AG36" s="1" t="s">
        <v>724</v>
      </c>
      <c r="AH36" s="1" t="s">
        <v>724</v>
      </c>
      <c r="AI36" s="1"/>
      <c r="AJ36" s="1"/>
      <c r="AK36" s="1"/>
      <c r="AL36" s="1" t="s">
        <v>727</v>
      </c>
      <c r="AM36" s="1"/>
      <c r="AN36" s="1"/>
      <c r="AO36" s="1"/>
      <c r="AP36" t="s">
        <v>727</v>
      </c>
      <c r="AQ36" s="1"/>
      <c r="AR36" s="1" t="s">
        <v>727</v>
      </c>
      <c r="AS36" s="1" t="s">
        <v>727</v>
      </c>
      <c r="AT36" s="1"/>
      <c r="AU36" s="1"/>
      <c r="AV36" s="1"/>
      <c r="AW36" s="1"/>
      <c r="AX36" s="1"/>
      <c r="AY36" s="1"/>
      <c r="AZ36" s="1" t="s">
        <v>732</v>
      </c>
      <c r="BA36" s="1">
        <v>1.6E-2</v>
      </c>
      <c r="BB36" s="1" t="s">
        <v>734</v>
      </c>
      <c r="BC36" s="1">
        <v>0.7</v>
      </c>
      <c r="BD36" s="1">
        <v>0.75</v>
      </c>
      <c r="BF36" s="1" t="s">
        <v>733</v>
      </c>
      <c r="BG36" s="1">
        <v>1E-3</v>
      </c>
      <c r="BH36" s="1" t="s">
        <v>725</v>
      </c>
      <c r="BI36" s="1" t="s">
        <v>723</v>
      </c>
      <c r="BJ36" s="1"/>
      <c r="BK36" s="1"/>
      <c r="BL36" s="1"/>
      <c r="BM36" s="1" t="s">
        <v>739</v>
      </c>
      <c r="BN36" s="1">
        <v>0.1</v>
      </c>
      <c r="BO36" s="1">
        <v>15</v>
      </c>
      <c r="BP36" s="1">
        <v>4</v>
      </c>
      <c r="BQ36" s="1"/>
      <c r="BR36" s="1" t="s">
        <v>74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875</v>
      </c>
      <c r="C37" s="1" t="s">
        <v>704</v>
      </c>
      <c r="D37" s="1" t="s">
        <v>64</v>
      </c>
      <c r="E37" s="1" t="s">
        <v>28</v>
      </c>
      <c r="F37" s="1" t="s">
        <v>174</v>
      </c>
      <c r="G37" s="1" t="s">
        <v>339</v>
      </c>
      <c r="I37" s="1" t="s">
        <v>340</v>
      </c>
      <c r="J37" s="1" t="s">
        <v>101</v>
      </c>
      <c r="K37" s="1" t="s">
        <v>338</v>
      </c>
      <c r="L37" s="1" t="s">
        <v>35</v>
      </c>
      <c r="N37" s="1" t="s">
        <v>36</v>
      </c>
      <c r="O37" s="1" t="s">
        <v>37</v>
      </c>
      <c r="P37" s="1" t="s">
        <v>38</v>
      </c>
      <c r="Q37" s="1" t="s">
        <v>60</v>
      </c>
      <c r="R37" s="1" t="s">
        <v>78</v>
      </c>
      <c r="S37" s="1" t="s">
        <v>111</v>
      </c>
      <c r="T37" s="1" t="s">
        <v>42</v>
      </c>
      <c r="U37" s="1">
        <v>9.1999999999999993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15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5486111111111116</v>
      </c>
      <c r="C38" s="1" t="s">
        <v>704</v>
      </c>
      <c r="D38" s="1" t="s">
        <v>64</v>
      </c>
      <c r="E38" s="1" t="s">
        <v>28</v>
      </c>
      <c r="F38" s="1" t="s">
        <v>341</v>
      </c>
      <c r="G38" s="1" t="s">
        <v>342</v>
      </c>
      <c r="I38" s="1" t="s">
        <v>340</v>
      </c>
      <c r="J38" s="1" t="s">
        <v>101</v>
      </c>
      <c r="K38" s="1" t="s">
        <v>102</v>
      </c>
      <c r="L38" s="1" t="s">
        <v>35</v>
      </c>
      <c r="N38" s="1" t="s">
        <v>36</v>
      </c>
      <c r="O38" s="1" t="s">
        <v>37</v>
      </c>
      <c r="P38" s="1" t="s">
        <v>38</v>
      </c>
      <c r="Q38" s="1" t="s">
        <v>69</v>
      </c>
      <c r="R38" s="1" t="s">
        <v>78</v>
      </c>
      <c r="S38" s="1" t="s">
        <v>144</v>
      </c>
      <c r="T38" s="1" t="s">
        <v>79</v>
      </c>
      <c r="U38" s="1">
        <v>9.5</v>
      </c>
      <c r="V38" s="1"/>
      <c r="W38" s="1"/>
      <c r="X38" s="1">
        <v>0.75</v>
      </c>
      <c r="Y38" s="1">
        <v>0.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5</v>
      </c>
      <c r="BP38" s="1">
        <v>3.9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43</v>
      </c>
      <c r="B39" s="2">
        <v>0.19791666666666666</v>
      </c>
      <c r="C39" s="1" t="s">
        <v>704</v>
      </c>
      <c r="D39" s="1" t="s">
        <v>64</v>
      </c>
      <c r="E39" s="1" t="s">
        <v>28</v>
      </c>
      <c r="F39" s="1" t="s">
        <v>344</v>
      </c>
      <c r="G39" s="1" t="s">
        <v>201</v>
      </c>
      <c r="I39" s="1" t="s">
        <v>345</v>
      </c>
      <c r="J39" s="1" t="s">
        <v>101</v>
      </c>
      <c r="K39" s="1" t="s">
        <v>176</v>
      </c>
      <c r="L39" s="1" t="s">
        <v>35</v>
      </c>
      <c r="N39" s="1" t="s">
        <v>36</v>
      </c>
      <c r="O39" s="1" t="s">
        <v>37</v>
      </c>
      <c r="P39" s="1" t="s">
        <v>38</v>
      </c>
      <c r="Q39" s="1" t="s">
        <v>39</v>
      </c>
      <c r="R39" s="1" t="s">
        <v>257</v>
      </c>
      <c r="S39" s="1" t="s">
        <v>346</v>
      </c>
      <c r="T39" s="1" t="s">
        <v>42</v>
      </c>
      <c r="U39" s="1">
        <v>9.1999999999999993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5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04</v>
      </c>
      <c r="B40" s="2">
        <v>0.48958333333333331</v>
      </c>
      <c r="C40" s="1" t="s">
        <v>704</v>
      </c>
      <c r="D40" s="1" t="s">
        <v>27</v>
      </c>
      <c r="E40" s="1" t="s">
        <v>28</v>
      </c>
      <c r="F40" s="1" t="s">
        <v>127</v>
      </c>
      <c r="G40" s="1" t="s">
        <v>347</v>
      </c>
      <c r="I40" s="1" t="s">
        <v>348</v>
      </c>
      <c r="J40" s="1" t="s">
        <v>216</v>
      </c>
      <c r="K40" s="1" t="s">
        <v>217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60</v>
      </c>
      <c r="R40" s="1" t="s">
        <v>96</v>
      </c>
      <c r="S40" s="1" t="s">
        <v>41</v>
      </c>
      <c r="T40" s="1" t="s">
        <v>197</v>
      </c>
      <c r="U40" s="1">
        <v>11.1</v>
      </c>
      <c r="V40" s="3">
        <v>13000</v>
      </c>
      <c r="W40" s="1"/>
      <c r="X40" s="1">
        <v>0.74</v>
      </c>
      <c r="Y40" s="1">
        <v>9.8000000000000004E-2</v>
      </c>
      <c r="Z40" s="1">
        <v>5.0000000000000001E-4</v>
      </c>
      <c r="AC40" s="1" t="s">
        <v>722</v>
      </c>
      <c r="AD40" s="1" t="s">
        <v>723</v>
      </c>
      <c r="AE40" s="1" t="s">
        <v>724</v>
      </c>
      <c r="AF40" s="1" t="s">
        <v>725</v>
      </c>
      <c r="AG40" s="1" t="s">
        <v>724</v>
      </c>
      <c r="AH40" s="1" t="s">
        <v>724</v>
      </c>
      <c r="AI40" s="1"/>
      <c r="AJ40" s="1"/>
      <c r="AK40" s="1"/>
      <c r="AL40" s="1" t="s">
        <v>727</v>
      </c>
      <c r="AM40" s="1"/>
      <c r="AN40" s="1"/>
      <c r="AO40" s="1"/>
      <c r="AP40" t="s">
        <v>727</v>
      </c>
      <c r="AQ40" s="1"/>
      <c r="AR40" s="1" t="s">
        <v>727</v>
      </c>
      <c r="AS40" s="1" t="s">
        <v>727</v>
      </c>
      <c r="AT40" s="1"/>
      <c r="AU40" s="1"/>
      <c r="AV40" s="1"/>
      <c r="AW40" s="1"/>
      <c r="AX40" s="1"/>
      <c r="AY40" s="1"/>
      <c r="AZ40" s="1"/>
      <c r="BA40" s="1"/>
      <c r="BB40" s="1" t="s">
        <v>734</v>
      </c>
      <c r="BC40" s="1">
        <v>0.66</v>
      </c>
      <c r="BD40" s="1">
        <v>0.71</v>
      </c>
      <c r="BF40" s="1"/>
      <c r="BG40" s="1"/>
      <c r="BH40" s="1"/>
      <c r="BI40" s="1"/>
      <c r="BJ40" s="1"/>
      <c r="BK40" s="1"/>
      <c r="BL40" s="1"/>
      <c r="BM40" s="1" t="s">
        <v>739</v>
      </c>
      <c r="BN40" s="1">
        <v>8.7999999999999995E-2</v>
      </c>
      <c r="BO40" s="1">
        <v>14</v>
      </c>
      <c r="BP40" s="1">
        <v>3.5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70138888888888884</v>
      </c>
      <c r="C41" s="1" t="s">
        <v>704</v>
      </c>
      <c r="D41" s="1" t="s">
        <v>27</v>
      </c>
      <c r="E41" s="1" t="s">
        <v>28</v>
      </c>
      <c r="F41" s="1" t="s">
        <v>349</v>
      </c>
      <c r="G41" s="1" t="s">
        <v>350</v>
      </c>
      <c r="I41" s="1" t="s">
        <v>351</v>
      </c>
      <c r="J41" s="1" t="s">
        <v>101</v>
      </c>
      <c r="K41" s="1" t="s">
        <v>102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256</v>
      </c>
      <c r="R41" s="1" t="s">
        <v>89</v>
      </c>
      <c r="S41" s="1" t="s">
        <v>144</v>
      </c>
      <c r="T41" s="1" t="s">
        <v>42</v>
      </c>
      <c r="U41" s="1">
        <v>8.4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4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6180555555555547</v>
      </c>
      <c r="C42" s="1" t="s">
        <v>704</v>
      </c>
      <c r="D42" s="1" t="s">
        <v>27</v>
      </c>
      <c r="E42" s="1" t="s">
        <v>28</v>
      </c>
      <c r="F42" s="1" t="s">
        <v>70</v>
      </c>
      <c r="G42" s="1" t="s">
        <v>39</v>
      </c>
      <c r="I42" s="1" t="s">
        <v>352</v>
      </c>
      <c r="J42" s="1" t="s">
        <v>101</v>
      </c>
      <c r="K42" s="1" t="s">
        <v>353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69</v>
      </c>
      <c r="R42" s="1" t="s">
        <v>61</v>
      </c>
      <c r="S42" s="1" t="s">
        <v>41</v>
      </c>
      <c r="T42" s="1" t="s">
        <v>42</v>
      </c>
      <c r="U42" s="1">
        <v>11.5</v>
      </c>
      <c r="V42" s="1"/>
      <c r="W42" s="1"/>
      <c r="X42" s="1">
        <v>0.75</v>
      </c>
      <c r="Y42" s="1">
        <v>9.1999999999999998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15</v>
      </c>
      <c r="BP42" s="1">
        <v>3.6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54</v>
      </c>
      <c r="B43" s="2">
        <v>0.21180555555555555</v>
      </c>
      <c r="C43" s="1" t="s">
        <v>704</v>
      </c>
      <c r="D43" s="1" t="s">
        <v>27</v>
      </c>
      <c r="E43" s="1" t="s">
        <v>28</v>
      </c>
      <c r="F43" s="1" t="s">
        <v>355</v>
      </c>
      <c r="G43" s="1" t="s">
        <v>134</v>
      </c>
      <c r="I43" s="1" t="s">
        <v>356</v>
      </c>
      <c r="J43" s="1" t="s">
        <v>101</v>
      </c>
      <c r="K43" s="1" t="s">
        <v>338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69</v>
      </c>
      <c r="R43" s="1" t="s">
        <v>61</v>
      </c>
      <c r="S43" s="1" t="s">
        <v>40</v>
      </c>
      <c r="T43" s="1" t="s">
        <v>42</v>
      </c>
      <c r="U43" s="1">
        <v>10.9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15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57</v>
      </c>
      <c r="B44" s="2">
        <v>0.5</v>
      </c>
      <c r="C44" s="1" t="s">
        <v>704</v>
      </c>
      <c r="D44" s="1" t="s">
        <v>64</v>
      </c>
      <c r="E44" s="1" t="s">
        <v>28</v>
      </c>
      <c r="F44" s="1" t="s">
        <v>60</v>
      </c>
      <c r="G44" s="1" t="s">
        <v>162</v>
      </c>
      <c r="I44" s="1" t="s">
        <v>358</v>
      </c>
      <c r="J44" s="1" t="s">
        <v>216</v>
      </c>
      <c r="K44" s="1" t="s">
        <v>252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50</v>
      </c>
      <c r="R44" s="1" t="s">
        <v>89</v>
      </c>
      <c r="S44" s="1" t="s">
        <v>96</v>
      </c>
      <c r="T44" s="1" t="s">
        <v>42</v>
      </c>
      <c r="U44" s="1">
        <v>10.9</v>
      </c>
      <c r="V44" s="3">
        <v>11000</v>
      </c>
      <c r="W44" s="1" t="s">
        <v>728</v>
      </c>
      <c r="X44" s="1">
        <v>0.76</v>
      </c>
      <c r="Y44" s="1">
        <v>0.1</v>
      </c>
      <c r="Z44" s="1">
        <v>5.0000000000000001E-4</v>
      </c>
      <c r="AC44" s="1" t="s">
        <v>722</v>
      </c>
      <c r="AD44" s="1" t="s">
        <v>723</v>
      </c>
      <c r="AE44" s="1" t="s">
        <v>724</v>
      </c>
      <c r="AF44" s="1" t="s">
        <v>725</v>
      </c>
      <c r="AG44" s="1" t="s">
        <v>724</v>
      </c>
      <c r="AH44" s="1" t="s">
        <v>724</v>
      </c>
      <c r="AI44" s="1"/>
      <c r="AJ44" s="1"/>
      <c r="AK44" s="1" t="s">
        <v>727</v>
      </c>
      <c r="AL44" s="1" t="s">
        <v>727</v>
      </c>
      <c r="AM44" s="1" t="s">
        <v>727</v>
      </c>
      <c r="AN44" s="1" t="s">
        <v>727</v>
      </c>
      <c r="AO44" s="1" t="s">
        <v>727</v>
      </c>
      <c r="AP44" t="s">
        <v>727</v>
      </c>
      <c r="AQ44" s="1" t="s">
        <v>727</v>
      </c>
      <c r="AR44" s="1" t="s">
        <v>727</v>
      </c>
      <c r="AS44" s="1" t="s">
        <v>727</v>
      </c>
      <c r="AT44" s="1" t="s">
        <v>735</v>
      </c>
      <c r="AU44" s="1"/>
      <c r="AV44" s="1"/>
      <c r="AW44" s="1"/>
      <c r="AX44" s="1" t="s">
        <v>727</v>
      </c>
      <c r="AY44" s="1" t="s">
        <v>724</v>
      </c>
      <c r="AZ44" s="1" t="s">
        <v>732</v>
      </c>
      <c r="BA44" s="1">
        <v>1.2E-2</v>
      </c>
      <c r="BB44" s="1" t="s">
        <v>734</v>
      </c>
      <c r="BC44" s="1">
        <v>0.63</v>
      </c>
      <c r="BD44" s="1">
        <v>0.68</v>
      </c>
      <c r="BF44" s="1" t="s">
        <v>733</v>
      </c>
      <c r="BG44" s="1">
        <v>6.9999999999999999E-4</v>
      </c>
      <c r="BH44" s="1" t="s">
        <v>725</v>
      </c>
      <c r="BI44" s="1" t="s">
        <v>723</v>
      </c>
      <c r="BJ44" s="1"/>
      <c r="BK44" s="1"/>
      <c r="BL44" s="1" t="s">
        <v>740</v>
      </c>
      <c r="BM44" s="1" t="s">
        <v>739</v>
      </c>
      <c r="BN44" s="1">
        <v>9.0999999999999998E-2</v>
      </c>
      <c r="BO44" s="1">
        <v>15</v>
      </c>
      <c r="BP44" s="1">
        <v>3.8</v>
      </c>
      <c r="BQ44" s="1"/>
      <c r="BR44" s="1" t="s">
        <v>74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70833333333333337</v>
      </c>
      <c r="C45" s="1" t="s">
        <v>704</v>
      </c>
      <c r="D45" s="1" t="s">
        <v>64</v>
      </c>
      <c r="E45" s="1" t="s">
        <v>28</v>
      </c>
      <c r="F45" s="1" t="s">
        <v>359</v>
      </c>
      <c r="G45" s="1" t="s">
        <v>154</v>
      </c>
      <c r="I45" s="1" t="s">
        <v>358</v>
      </c>
      <c r="J45" s="1" t="s">
        <v>101</v>
      </c>
      <c r="K45" s="1" t="s">
        <v>353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60</v>
      </c>
      <c r="R45" s="1" t="s">
        <v>70</v>
      </c>
      <c r="S45" s="1" t="s">
        <v>41</v>
      </c>
      <c r="T45" s="1" t="s">
        <v>42</v>
      </c>
      <c r="U45" s="1">
        <v>7.6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15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5833333333333337</v>
      </c>
      <c r="C46" s="1" t="s">
        <v>704</v>
      </c>
      <c r="D46" s="1" t="s">
        <v>64</v>
      </c>
      <c r="E46" s="1" t="s">
        <v>28</v>
      </c>
      <c r="F46" s="1" t="s">
        <v>360</v>
      </c>
      <c r="G46" s="1" t="s">
        <v>50</v>
      </c>
      <c r="I46" s="1" t="s">
        <v>331</v>
      </c>
      <c r="J46" s="1" t="s">
        <v>101</v>
      </c>
      <c r="K46" s="1" t="s">
        <v>102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39</v>
      </c>
      <c r="R46" s="1" t="s">
        <v>89</v>
      </c>
      <c r="S46" s="1" t="s">
        <v>144</v>
      </c>
      <c r="T46" s="1" t="s">
        <v>42</v>
      </c>
      <c r="U46" s="1">
        <v>11.1</v>
      </c>
      <c r="V46" s="1"/>
      <c r="W46" s="1"/>
      <c r="X46" s="1">
        <v>0.71</v>
      </c>
      <c r="Y46" s="1">
        <v>9.9000000000000005E-2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5</v>
      </c>
      <c r="BP46" s="1">
        <v>3.8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61</v>
      </c>
      <c r="B47" s="2">
        <v>0.21180555555555555</v>
      </c>
      <c r="C47" s="1" t="s">
        <v>704</v>
      </c>
      <c r="D47" s="1" t="s">
        <v>64</v>
      </c>
      <c r="E47" s="1" t="s">
        <v>28</v>
      </c>
      <c r="F47" s="1" t="s">
        <v>116</v>
      </c>
      <c r="G47" s="1" t="s">
        <v>362</v>
      </c>
      <c r="I47" s="1" t="s">
        <v>363</v>
      </c>
      <c r="J47" s="1" t="s">
        <v>101</v>
      </c>
      <c r="K47" s="1" t="s">
        <v>191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39</v>
      </c>
      <c r="R47" s="1" t="s">
        <v>78</v>
      </c>
      <c r="S47" s="1" t="s">
        <v>144</v>
      </c>
      <c r="T47" s="1" t="s">
        <v>42</v>
      </c>
      <c r="U47" s="1">
        <v>11.3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5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17</v>
      </c>
      <c r="B48" s="2">
        <v>0.47916666666666669</v>
      </c>
      <c r="C48" s="1" t="s">
        <v>704</v>
      </c>
      <c r="D48" s="1" t="s">
        <v>64</v>
      </c>
      <c r="E48" s="1" t="s">
        <v>28</v>
      </c>
      <c r="F48" s="1" t="s">
        <v>148</v>
      </c>
      <c r="G48" s="1" t="s">
        <v>364</v>
      </c>
      <c r="I48" s="1" t="s">
        <v>365</v>
      </c>
      <c r="J48" s="1" t="s">
        <v>101</v>
      </c>
      <c r="K48" s="1" t="s">
        <v>102</v>
      </c>
      <c r="L48" s="1" t="s">
        <v>35</v>
      </c>
      <c r="N48" s="1" t="s">
        <v>36</v>
      </c>
      <c r="O48" s="1" t="s">
        <v>37</v>
      </c>
      <c r="P48" s="1" t="s">
        <v>38</v>
      </c>
      <c r="Q48" s="1" t="s">
        <v>50</v>
      </c>
      <c r="R48" s="1" t="s">
        <v>40</v>
      </c>
      <c r="S48" s="1" t="s">
        <v>111</v>
      </c>
      <c r="T48" s="1" t="s">
        <v>155</v>
      </c>
      <c r="U48" s="1">
        <v>8.6999999999999993</v>
      </c>
      <c r="V48" s="3">
        <v>7900</v>
      </c>
      <c r="W48" s="1"/>
      <c r="X48" s="1">
        <v>0.79</v>
      </c>
      <c r="Y48" s="1">
        <v>0.1</v>
      </c>
      <c r="Z48" s="1" t="s">
        <v>724</v>
      </c>
      <c r="AC48" s="1" t="s">
        <v>722</v>
      </c>
      <c r="AD48" s="1" t="s">
        <v>723</v>
      </c>
      <c r="AE48" s="1" t="s">
        <v>724</v>
      </c>
      <c r="AF48" s="1" t="s">
        <v>725</v>
      </c>
      <c r="AG48" s="1" t="s">
        <v>724</v>
      </c>
      <c r="AH48" s="1" t="s">
        <v>724</v>
      </c>
      <c r="AI48" s="1"/>
      <c r="AJ48" s="1"/>
      <c r="AK48" s="1"/>
      <c r="AL48" s="1" t="s">
        <v>727</v>
      </c>
      <c r="AM48" s="1"/>
      <c r="AN48" s="1"/>
      <c r="AO48" s="1"/>
      <c r="AP48" t="s">
        <v>727</v>
      </c>
      <c r="AQ48" s="1"/>
      <c r="AR48" s="1" t="s">
        <v>727</v>
      </c>
      <c r="AS48" s="1" t="s">
        <v>727</v>
      </c>
      <c r="AT48" s="1"/>
      <c r="AU48" s="1" t="s">
        <v>724</v>
      </c>
      <c r="AV48" s="1" t="s">
        <v>722</v>
      </c>
      <c r="AW48" s="1" t="s">
        <v>722</v>
      </c>
      <c r="AX48" s="1"/>
      <c r="AY48" s="1"/>
      <c r="AZ48" s="1"/>
      <c r="BA48" s="1"/>
      <c r="BB48" s="1" t="s">
        <v>734</v>
      </c>
      <c r="BC48" s="1">
        <v>0.72</v>
      </c>
      <c r="BD48" s="1">
        <v>0.77</v>
      </c>
      <c r="BF48" s="1"/>
      <c r="BG48" s="1"/>
      <c r="BH48" s="1"/>
      <c r="BI48" s="1"/>
      <c r="BJ48" s="1"/>
      <c r="BK48" s="1"/>
      <c r="BL48" s="1"/>
      <c r="BM48" s="1" t="s">
        <v>739</v>
      </c>
      <c r="BN48" s="1">
        <v>9.0999999999999998E-2</v>
      </c>
      <c r="BO48" s="1">
        <v>16</v>
      </c>
      <c r="BP48" s="1">
        <v>4.9000000000000004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70833333333333337</v>
      </c>
      <c r="C49" s="1" t="s">
        <v>704</v>
      </c>
      <c r="D49" s="1" t="s">
        <v>64</v>
      </c>
      <c r="E49" s="1" t="s">
        <v>28</v>
      </c>
      <c r="F49" s="1" t="s">
        <v>366</v>
      </c>
      <c r="G49" s="1" t="s">
        <v>367</v>
      </c>
      <c r="I49" s="1" t="s">
        <v>368</v>
      </c>
      <c r="J49" s="1" t="s">
        <v>101</v>
      </c>
      <c r="K49" s="1" t="s">
        <v>102</v>
      </c>
      <c r="L49" s="1" t="s">
        <v>369</v>
      </c>
      <c r="N49" s="1" t="s">
        <v>370</v>
      </c>
      <c r="O49" s="1" t="s">
        <v>277</v>
      </c>
      <c r="P49" s="1" t="s">
        <v>38</v>
      </c>
      <c r="Q49" s="1" t="s">
        <v>256</v>
      </c>
      <c r="R49" s="1" t="s">
        <v>135</v>
      </c>
      <c r="S49" s="1" t="s">
        <v>346</v>
      </c>
      <c r="T49" s="1" t="s">
        <v>142</v>
      </c>
      <c r="U49" s="1">
        <v>10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15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5138888888888884</v>
      </c>
      <c r="C50" s="1" t="s">
        <v>704</v>
      </c>
      <c r="D50" s="1" t="s">
        <v>195</v>
      </c>
      <c r="E50" s="1" t="s">
        <v>28</v>
      </c>
      <c r="F50" s="1" t="s">
        <v>371</v>
      </c>
      <c r="G50" s="1" t="s">
        <v>366</v>
      </c>
      <c r="I50" s="1" t="s">
        <v>358</v>
      </c>
      <c r="J50" s="1" t="s">
        <v>101</v>
      </c>
      <c r="K50" s="1" t="s">
        <v>338</v>
      </c>
      <c r="L50" s="1" t="s">
        <v>35</v>
      </c>
      <c r="N50" s="1" t="s">
        <v>36</v>
      </c>
      <c r="O50" s="1" t="s">
        <v>37</v>
      </c>
      <c r="P50" s="1" t="s">
        <v>38</v>
      </c>
      <c r="Q50" s="1" t="s">
        <v>39</v>
      </c>
      <c r="R50" s="1" t="s">
        <v>40</v>
      </c>
      <c r="S50" s="1" t="s">
        <v>62</v>
      </c>
      <c r="T50" s="1" t="s">
        <v>155</v>
      </c>
      <c r="U50" s="1">
        <v>9.6999999999999993</v>
      </c>
      <c r="V50" s="1"/>
      <c r="W50" s="1"/>
      <c r="X50" s="1">
        <v>0.81</v>
      </c>
      <c r="Y50" s="1">
        <v>9.5000000000000001E-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15</v>
      </c>
      <c r="BP50" s="1">
        <v>4.5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72</v>
      </c>
      <c r="B51" s="2">
        <v>0.20833333333333334</v>
      </c>
      <c r="C51" s="1" t="s">
        <v>704</v>
      </c>
      <c r="D51" s="1" t="s">
        <v>195</v>
      </c>
      <c r="E51" s="1" t="s">
        <v>28</v>
      </c>
      <c r="F51" s="1" t="s">
        <v>166</v>
      </c>
      <c r="G51" s="1" t="s">
        <v>350</v>
      </c>
      <c r="I51" s="1" t="s">
        <v>373</v>
      </c>
      <c r="J51" s="1" t="s">
        <v>101</v>
      </c>
      <c r="K51" s="1" t="s">
        <v>353</v>
      </c>
      <c r="L51" s="1" t="s">
        <v>35</v>
      </c>
      <c r="N51" s="1" t="s">
        <v>36</v>
      </c>
      <c r="O51" s="1" t="s">
        <v>37</v>
      </c>
      <c r="P51" s="1" t="s">
        <v>38</v>
      </c>
      <c r="Q51" s="1" t="s">
        <v>39</v>
      </c>
      <c r="R51" s="1" t="s">
        <v>144</v>
      </c>
      <c r="S51" s="1" t="s">
        <v>111</v>
      </c>
      <c r="T51" s="1" t="s">
        <v>155</v>
      </c>
      <c r="U51" s="1">
        <v>10.199999999999999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4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52" spans="1:78" x14ac:dyDescent="0.15">
      <c r="U52" s="1"/>
    </row>
    <row r="53" spans="1:78" x14ac:dyDescent="0.15">
      <c r="U53" s="1"/>
    </row>
    <row r="54" spans="1:78" x14ac:dyDescent="0.15">
      <c r="U54" s="1"/>
    </row>
    <row r="55" spans="1:78" x14ac:dyDescent="0.15">
      <c r="U55" s="1"/>
    </row>
    <row r="56" spans="1:78" x14ac:dyDescent="0.15">
      <c r="U56" s="1"/>
    </row>
    <row r="57" spans="1:78" x14ac:dyDescent="0.15">
      <c r="U57" s="1"/>
    </row>
    <row r="58" spans="1:78" x14ac:dyDescent="0.15">
      <c r="U58" s="1"/>
    </row>
    <row r="59" spans="1:78" x14ac:dyDescent="0.15">
      <c r="U59" s="1"/>
    </row>
    <row r="60" spans="1:78" x14ac:dyDescent="0.15">
      <c r="U60" s="1"/>
    </row>
    <row r="61" spans="1:78" x14ac:dyDescent="0.15">
      <c r="U61" s="1"/>
    </row>
    <row r="62" spans="1:78" x14ac:dyDescent="0.15">
      <c r="U62" s="1"/>
    </row>
    <row r="63" spans="1:78" x14ac:dyDescent="0.15">
      <c r="U63" s="1"/>
    </row>
    <row r="64" spans="1:78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7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712</v>
      </c>
      <c r="E1" s="1" t="s">
        <v>2</v>
      </c>
      <c r="F1" s="1" t="s">
        <v>695</v>
      </c>
      <c r="G1" s="1" t="s">
        <v>3</v>
      </c>
      <c r="H1" s="1" t="s">
        <v>71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4</v>
      </c>
      <c r="AB2" s="1" t="s">
        <v>751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50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94</v>
      </c>
      <c r="B4" s="2">
        <v>0.41736111111111113</v>
      </c>
      <c r="C4" s="1" t="s">
        <v>704</v>
      </c>
      <c r="D4" s="1" t="s">
        <v>195</v>
      </c>
      <c r="F4" s="1" t="s">
        <v>374</v>
      </c>
      <c r="G4" s="1" t="s">
        <v>124</v>
      </c>
      <c r="I4" s="1" t="s">
        <v>375</v>
      </c>
      <c r="J4" s="1" t="s">
        <v>338</v>
      </c>
      <c r="K4" s="1" t="s">
        <v>376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77</v>
      </c>
      <c r="R4" s="1" t="s">
        <v>40</v>
      </c>
      <c r="S4" s="1" t="s">
        <v>62</v>
      </c>
      <c r="T4" s="1" t="s">
        <v>155</v>
      </c>
      <c r="U4" s="1">
        <v>9.9</v>
      </c>
      <c r="V4" s="3">
        <v>4900</v>
      </c>
      <c r="W4" s="1"/>
      <c r="X4" s="1">
        <v>0.81</v>
      </c>
      <c r="Y4" s="1">
        <v>8.7999999999999995E-2</v>
      </c>
      <c r="Z4" s="1">
        <v>3.3E-3</v>
      </c>
      <c r="AA4" s="1"/>
      <c r="AB4" s="1"/>
      <c r="AC4" s="1" t="s">
        <v>722</v>
      </c>
      <c r="AD4" s="1" t="s">
        <v>723</v>
      </c>
      <c r="AE4" s="1" t="s">
        <v>724</v>
      </c>
      <c r="AF4" s="1" t="s">
        <v>725</v>
      </c>
      <c r="AG4" s="1" t="s">
        <v>724</v>
      </c>
      <c r="AH4" s="1" t="s">
        <v>724</v>
      </c>
      <c r="AI4" s="1"/>
      <c r="AJ4" s="1"/>
      <c r="AK4" s="1"/>
      <c r="AL4" s="1" t="s">
        <v>727</v>
      </c>
      <c r="AM4" s="1"/>
      <c r="AN4" s="1"/>
      <c r="AO4" s="1"/>
      <c r="AP4" t="s">
        <v>727</v>
      </c>
      <c r="AQ4" s="1"/>
      <c r="AR4" s="1" t="s">
        <v>727</v>
      </c>
      <c r="AS4" s="1" t="s">
        <v>727</v>
      </c>
      <c r="AT4" s="1"/>
      <c r="AU4" s="1"/>
      <c r="AV4" s="1"/>
      <c r="AW4" s="1"/>
      <c r="AX4" s="1"/>
      <c r="AY4" s="1"/>
      <c r="AZ4" s="1" t="s">
        <v>732</v>
      </c>
      <c r="BA4" s="1">
        <v>1.2999999999999999E-2</v>
      </c>
      <c r="BB4" s="1" t="s">
        <v>734</v>
      </c>
      <c r="BC4" s="1">
        <v>0.73</v>
      </c>
      <c r="BD4" s="1">
        <v>0.78</v>
      </c>
      <c r="BE4" s="1"/>
      <c r="BF4" s="1" t="s">
        <v>733</v>
      </c>
      <c r="BG4" s="1">
        <v>1.8E-3</v>
      </c>
      <c r="BH4" s="1" t="s">
        <v>725</v>
      </c>
      <c r="BI4" s="1" t="s">
        <v>723</v>
      </c>
      <c r="BJ4" s="1"/>
      <c r="BK4" s="1"/>
      <c r="BL4" s="1"/>
      <c r="BM4" s="1" t="s">
        <v>739</v>
      </c>
      <c r="BN4" s="1">
        <v>7.6999999999999999E-2</v>
      </c>
      <c r="BO4" s="1">
        <v>15</v>
      </c>
      <c r="BP4" s="1">
        <v>4.3</v>
      </c>
      <c r="BQ4" s="1"/>
      <c r="BR4" s="1" t="s">
        <v>74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25</v>
      </c>
      <c r="C5" s="1" t="s">
        <v>704</v>
      </c>
      <c r="D5" s="1" t="s">
        <v>64</v>
      </c>
      <c r="F5" s="1" t="s">
        <v>177</v>
      </c>
      <c r="G5" s="1" t="s">
        <v>339</v>
      </c>
      <c r="I5" s="1" t="s">
        <v>377</v>
      </c>
      <c r="J5" s="1" t="s">
        <v>338</v>
      </c>
      <c r="K5" s="1" t="s">
        <v>376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60</v>
      </c>
      <c r="R5" s="1" t="s">
        <v>61</v>
      </c>
      <c r="S5" s="1" t="s">
        <v>111</v>
      </c>
      <c r="T5" s="1" t="s">
        <v>155</v>
      </c>
      <c r="U5" s="1">
        <v>9.5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5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86458333333333337</v>
      </c>
      <c r="C6" s="1" t="s">
        <v>704</v>
      </c>
      <c r="D6" s="1" t="s">
        <v>64</v>
      </c>
      <c r="F6" s="1" t="s">
        <v>320</v>
      </c>
      <c r="G6" s="1" t="s">
        <v>341</v>
      </c>
      <c r="I6" s="1" t="s">
        <v>378</v>
      </c>
      <c r="J6" s="1" t="s">
        <v>338</v>
      </c>
      <c r="K6" s="1" t="s">
        <v>376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69</v>
      </c>
      <c r="R6" s="1" t="s">
        <v>70</v>
      </c>
      <c r="S6" s="1" t="s">
        <v>111</v>
      </c>
      <c r="T6" s="1" t="s">
        <v>155</v>
      </c>
      <c r="U6" s="1">
        <v>8.6</v>
      </c>
      <c r="V6" s="1"/>
      <c r="W6" s="1"/>
      <c r="X6" s="1">
        <v>0.8</v>
      </c>
      <c r="Y6" s="1">
        <v>8.8999999999999996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5</v>
      </c>
      <c r="BP6" s="1">
        <v>4.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03</v>
      </c>
      <c r="B7" s="2">
        <v>0.11458333333333333</v>
      </c>
      <c r="C7" s="1" t="s">
        <v>704</v>
      </c>
      <c r="D7" s="1" t="s">
        <v>64</v>
      </c>
      <c r="F7" s="1" t="s">
        <v>327</v>
      </c>
      <c r="G7" s="1" t="s">
        <v>30</v>
      </c>
      <c r="I7" s="1" t="s">
        <v>379</v>
      </c>
      <c r="J7" s="1" t="s">
        <v>338</v>
      </c>
      <c r="K7" s="1" t="s">
        <v>376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69</v>
      </c>
      <c r="R7" s="1" t="s">
        <v>61</v>
      </c>
      <c r="S7" s="1" t="s">
        <v>135</v>
      </c>
      <c r="T7" s="1" t="s">
        <v>155</v>
      </c>
      <c r="U7" s="1">
        <v>9.1999999999999993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07</v>
      </c>
      <c r="B8" s="2">
        <v>0.39930555555555558</v>
      </c>
      <c r="C8" s="1" t="s">
        <v>704</v>
      </c>
      <c r="D8" s="1" t="s">
        <v>27</v>
      </c>
      <c r="E8" s="1" t="s">
        <v>28</v>
      </c>
      <c r="F8" s="1" t="s">
        <v>380</v>
      </c>
      <c r="G8" s="1" t="s">
        <v>161</v>
      </c>
      <c r="I8" s="1" t="s">
        <v>381</v>
      </c>
      <c r="J8" s="1" t="s">
        <v>338</v>
      </c>
      <c r="K8" s="1" t="s">
        <v>376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77</v>
      </c>
      <c r="R8" s="1" t="s">
        <v>89</v>
      </c>
      <c r="S8" s="1" t="s">
        <v>135</v>
      </c>
      <c r="T8" s="1" t="s">
        <v>155</v>
      </c>
      <c r="U8" s="1">
        <v>8.9</v>
      </c>
      <c r="V8" s="3">
        <v>4900</v>
      </c>
      <c r="W8" s="1"/>
      <c r="X8" s="1">
        <v>0.61</v>
      </c>
      <c r="Y8" s="1">
        <v>5.2999999999999999E-2</v>
      </c>
      <c r="Z8" s="1">
        <v>6.9999999999999999E-4</v>
      </c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/>
      <c r="AL8" s="1" t="s">
        <v>727</v>
      </c>
      <c r="AM8" s="1"/>
      <c r="AN8" s="1"/>
      <c r="AO8" s="1"/>
      <c r="AP8" t="s">
        <v>727</v>
      </c>
      <c r="AQ8" s="1"/>
      <c r="AR8" s="1" t="s">
        <v>727</v>
      </c>
      <c r="AS8" s="1" t="s">
        <v>727</v>
      </c>
      <c r="AT8" s="1"/>
      <c r="AU8" s="1"/>
      <c r="AV8" s="1"/>
      <c r="AW8" s="1"/>
      <c r="AX8" s="1"/>
      <c r="AY8" s="1"/>
      <c r="AZ8" s="1"/>
      <c r="BA8" s="1"/>
      <c r="BB8" s="1" t="s">
        <v>734</v>
      </c>
      <c r="BC8" s="1">
        <v>0.56000000000000005</v>
      </c>
      <c r="BD8" s="1">
        <v>0.61</v>
      </c>
      <c r="BE8" s="1"/>
      <c r="BF8" s="1"/>
      <c r="BG8" s="1"/>
      <c r="BH8" s="1"/>
      <c r="BI8" s="1"/>
      <c r="BJ8" s="1"/>
      <c r="BK8" s="1"/>
      <c r="BL8" s="1"/>
      <c r="BM8" s="1" t="s">
        <v>739</v>
      </c>
      <c r="BN8" s="1">
        <v>4.4999999999999998E-2</v>
      </c>
      <c r="BO8" s="1">
        <v>13</v>
      </c>
      <c r="BP8" s="1">
        <v>3</v>
      </c>
      <c r="BQ8" s="1"/>
      <c r="BR8" s="1"/>
      <c r="BS8" s="1"/>
      <c r="BT8" s="1"/>
      <c r="BU8" s="1">
        <v>1.9E-2</v>
      </c>
      <c r="BV8" s="1">
        <v>1.7000000000000001E-2</v>
      </c>
      <c r="BW8" s="1">
        <v>2.3999999999999998E-3</v>
      </c>
      <c r="BX8" s="1">
        <v>4.0000000000000002E-4</v>
      </c>
      <c r="BY8" s="1" t="s">
        <v>726</v>
      </c>
      <c r="BZ8" s="1"/>
    </row>
    <row r="9" spans="1:78" x14ac:dyDescent="0.15">
      <c r="B9" s="2">
        <v>0.61805555555555558</v>
      </c>
      <c r="C9" s="1" t="s">
        <v>704</v>
      </c>
      <c r="D9" s="1" t="s">
        <v>27</v>
      </c>
      <c r="E9" s="1" t="s">
        <v>28</v>
      </c>
      <c r="F9" s="1" t="s">
        <v>382</v>
      </c>
      <c r="G9" s="1" t="s">
        <v>254</v>
      </c>
      <c r="I9" s="1" t="s">
        <v>383</v>
      </c>
      <c r="J9" s="1" t="s">
        <v>338</v>
      </c>
      <c r="K9" s="1" t="s">
        <v>376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60</v>
      </c>
      <c r="R9" s="1" t="s">
        <v>89</v>
      </c>
      <c r="S9" s="1" t="s">
        <v>111</v>
      </c>
      <c r="T9" s="1" t="s">
        <v>42</v>
      </c>
      <c r="U9" s="1">
        <v>8.300000000000000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87152777777777779</v>
      </c>
      <c r="C10" s="1" t="s">
        <v>704</v>
      </c>
      <c r="D10" s="1" t="s">
        <v>27</v>
      </c>
      <c r="E10" s="1" t="s">
        <v>28</v>
      </c>
      <c r="F10" s="1" t="s">
        <v>384</v>
      </c>
      <c r="G10" s="1" t="s">
        <v>306</v>
      </c>
      <c r="I10" s="1" t="s">
        <v>385</v>
      </c>
      <c r="J10" s="1" t="s">
        <v>338</v>
      </c>
      <c r="K10" s="1" t="s">
        <v>376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69</v>
      </c>
      <c r="R10" s="1" t="s">
        <v>89</v>
      </c>
      <c r="S10" s="1" t="s">
        <v>111</v>
      </c>
      <c r="T10" s="1" t="s">
        <v>42</v>
      </c>
      <c r="U10" s="1">
        <v>8.6</v>
      </c>
      <c r="V10" s="1"/>
      <c r="W10" s="1"/>
      <c r="X10" s="1">
        <v>0.67</v>
      </c>
      <c r="Y10" s="1">
        <v>5.7000000000000002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3</v>
      </c>
      <c r="BP10" s="1">
        <v>3.2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21</v>
      </c>
      <c r="B11" s="2">
        <v>0.11805555555555557</v>
      </c>
      <c r="C11" s="1" t="s">
        <v>704</v>
      </c>
      <c r="D11" s="1" t="s">
        <v>27</v>
      </c>
      <c r="E11" s="1" t="s">
        <v>28</v>
      </c>
      <c r="F11" s="1" t="s">
        <v>386</v>
      </c>
      <c r="G11" s="1" t="s">
        <v>98</v>
      </c>
      <c r="I11" s="1" t="s">
        <v>387</v>
      </c>
      <c r="J11" s="1" t="s">
        <v>338</v>
      </c>
      <c r="K11" s="1" t="s">
        <v>376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69</v>
      </c>
      <c r="R11" s="1" t="s">
        <v>61</v>
      </c>
      <c r="S11" s="1" t="s">
        <v>135</v>
      </c>
      <c r="T11" s="1" t="s">
        <v>42</v>
      </c>
      <c r="U11" s="1">
        <v>8.699999999999999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3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25</v>
      </c>
      <c r="B12" s="2">
        <v>0.40625</v>
      </c>
      <c r="C12" s="1" t="s">
        <v>704</v>
      </c>
      <c r="D12" s="1" t="s">
        <v>195</v>
      </c>
      <c r="E12" s="1" t="s">
        <v>28</v>
      </c>
      <c r="F12" s="1" t="s">
        <v>73</v>
      </c>
      <c r="G12" s="1" t="s">
        <v>306</v>
      </c>
      <c r="I12" s="1" t="s">
        <v>388</v>
      </c>
      <c r="J12" s="1" t="s">
        <v>338</v>
      </c>
      <c r="K12" s="1" t="s">
        <v>376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172</v>
      </c>
      <c r="R12" s="1" t="s">
        <v>61</v>
      </c>
      <c r="S12" s="1" t="s">
        <v>167</v>
      </c>
      <c r="T12" s="1" t="s">
        <v>155</v>
      </c>
      <c r="U12" s="1">
        <v>8.8000000000000007</v>
      </c>
      <c r="V12" s="3">
        <v>7900</v>
      </c>
      <c r="W12" s="1"/>
      <c r="X12" s="1">
        <v>0.48</v>
      </c>
      <c r="Y12" s="1">
        <v>0.05</v>
      </c>
      <c r="Z12" s="1">
        <v>1.8E-3</v>
      </c>
      <c r="AA12" s="1"/>
      <c r="AB12" s="1"/>
      <c r="AC12" s="1" t="s">
        <v>722</v>
      </c>
      <c r="AD12" s="1" t="s">
        <v>723</v>
      </c>
      <c r="AE12" s="1" t="s">
        <v>724</v>
      </c>
      <c r="AF12" s="1" t="s">
        <v>725</v>
      </c>
      <c r="AG12" s="1" t="s">
        <v>724</v>
      </c>
      <c r="AH12" s="1" t="s">
        <v>724</v>
      </c>
      <c r="AI12" s="1"/>
      <c r="AJ12" s="1"/>
      <c r="AK12" s="1"/>
      <c r="AL12" s="1" t="s">
        <v>727</v>
      </c>
      <c r="AM12" s="1"/>
      <c r="AN12" s="1"/>
      <c r="AO12" s="1"/>
      <c r="AP12" t="s">
        <v>727</v>
      </c>
      <c r="AQ12" s="1"/>
      <c r="AR12" s="1" t="s">
        <v>727</v>
      </c>
      <c r="AS12" s="1" t="s">
        <v>727</v>
      </c>
      <c r="AT12" s="1"/>
      <c r="AU12" s="1"/>
      <c r="AV12" s="1"/>
      <c r="AW12" s="1"/>
      <c r="AX12" s="1"/>
      <c r="AY12" s="1"/>
      <c r="AZ12" s="1" t="s">
        <v>732</v>
      </c>
      <c r="BA12" s="1">
        <v>1.2999999999999999E-2</v>
      </c>
      <c r="BB12" s="1" t="s">
        <v>734</v>
      </c>
      <c r="BC12" s="1">
        <v>0.36</v>
      </c>
      <c r="BD12" s="1">
        <v>0.41</v>
      </c>
      <c r="BE12" s="1"/>
      <c r="BF12" s="1" t="s">
        <v>733</v>
      </c>
      <c r="BG12" s="1">
        <v>1.4E-3</v>
      </c>
      <c r="BH12" s="1" t="s">
        <v>725</v>
      </c>
      <c r="BI12" s="1" t="s">
        <v>723</v>
      </c>
      <c r="BJ12" s="1"/>
      <c r="BK12" s="1"/>
      <c r="BL12" s="1"/>
      <c r="BM12" s="1" t="s">
        <v>739</v>
      </c>
      <c r="BN12" s="1">
        <v>3.5000000000000003E-2</v>
      </c>
      <c r="BO12" s="1">
        <v>14</v>
      </c>
      <c r="BP12" s="1">
        <v>3.5</v>
      </c>
      <c r="BQ12" s="1"/>
      <c r="BR12" s="1" t="s">
        <v>74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1805555555555558</v>
      </c>
      <c r="C13" s="1" t="s">
        <v>704</v>
      </c>
      <c r="D13" s="1" t="s">
        <v>195</v>
      </c>
      <c r="E13" s="1" t="s">
        <v>28</v>
      </c>
      <c r="F13" s="1" t="s">
        <v>389</v>
      </c>
      <c r="G13" s="1" t="s">
        <v>390</v>
      </c>
      <c r="I13" s="1" t="s">
        <v>391</v>
      </c>
      <c r="J13" s="1" t="s">
        <v>338</v>
      </c>
      <c r="K13" s="1" t="s">
        <v>376</v>
      </c>
      <c r="L13" s="1" t="s">
        <v>35</v>
      </c>
      <c r="N13" s="1" t="s">
        <v>36</v>
      </c>
      <c r="O13" s="1" t="s">
        <v>235</v>
      </c>
      <c r="P13" s="1" t="s">
        <v>38</v>
      </c>
      <c r="Q13" s="1" t="s">
        <v>229</v>
      </c>
      <c r="R13" s="1" t="s">
        <v>41</v>
      </c>
      <c r="S13" s="1" t="s">
        <v>346</v>
      </c>
      <c r="T13" s="1" t="s">
        <v>155</v>
      </c>
      <c r="U13" s="1">
        <v>8.800000000000000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3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87152777777777779</v>
      </c>
      <c r="C14" s="1" t="s">
        <v>704</v>
      </c>
      <c r="D14" s="1" t="s">
        <v>195</v>
      </c>
      <c r="E14" s="1" t="s">
        <v>28</v>
      </c>
      <c r="F14" s="1" t="s">
        <v>139</v>
      </c>
      <c r="G14" s="1" t="s">
        <v>392</v>
      </c>
      <c r="I14" s="1" t="s">
        <v>393</v>
      </c>
      <c r="J14" s="1" t="s">
        <v>338</v>
      </c>
      <c r="K14" s="1" t="s">
        <v>376</v>
      </c>
      <c r="L14" s="1" t="s">
        <v>394</v>
      </c>
      <c r="N14" s="1" t="s">
        <v>36</v>
      </c>
      <c r="O14" s="1" t="s">
        <v>235</v>
      </c>
      <c r="P14" s="1" t="s">
        <v>38</v>
      </c>
      <c r="Q14" s="1" t="s">
        <v>127</v>
      </c>
      <c r="R14" s="1" t="s">
        <v>62</v>
      </c>
      <c r="S14" s="1" t="s">
        <v>395</v>
      </c>
      <c r="T14" s="1" t="s">
        <v>396</v>
      </c>
      <c r="U14" s="1">
        <v>8.5</v>
      </c>
      <c r="V14" s="1"/>
      <c r="W14" s="1"/>
      <c r="X14" s="1">
        <v>0.67</v>
      </c>
      <c r="Y14" s="1">
        <v>6.7000000000000004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>
        <v>3.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5</v>
      </c>
      <c r="B15" s="2">
        <v>0.11458333333333333</v>
      </c>
      <c r="C15" s="1" t="s">
        <v>704</v>
      </c>
      <c r="D15" s="1" t="s">
        <v>195</v>
      </c>
      <c r="E15" s="1" t="s">
        <v>28</v>
      </c>
      <c r="F15" s="1" t="s">
        <v>392</v>
      </c>
      <c r="G15" s="1" t="s">
        <v>177</v>
      </c>
      <c r="I15" s="1" t="s">
        <v>397</v>
      </c>
      <c r="J15" s="1" t="s">
        <v>338</v>
      </c>
      <c r="K15" s="1" t="s">
        <v>376</v>
      </c>
      <c r="L15" s="1" t="s">
        <v>398</v>
      </c>
      <c r="N15" s="1" t="s">
        <v>36</v>
      </c>
      <c r="O15" s="1" t="s">
        <v>235</v>
      </c>
      <c r="P15" s="1" t="s">
        <v>38</v>
      </c>
      <c r="Q15" s="1" t="s">
        <v>127</v>
      </c>
      <c r="R15" s="1" t="s">
        <v>52</v>
      </c>
      <c r="S15" s="1" t="s">
        <v>399</v>
      </c>
      <c r="T15" s="1" t="s">
        <v>284</v>
      </c>
      <c r="U15" s="1">
        <v>8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63</v>
      </c>
      <c r="B16" s="2">
        <v>0.39930555555555558</v>
      </c>
      <c r="C16" s="1" t="s">
        <v>704</v>
      </c>
      <c r="D16" s="1" t="s">
        <v>64</v>
      </c>
      <c r="E16" s="1" t="s">
        <v>28</v>
      </c>
      <c r="F16" s="1" t="s">
        <v>400</v>
      </c>
      <c r="G16" s="1" t="s">
        <v>401</v>
      </c>
      <c r="I16" s="1" t="s">
        <v>402</v>
      </c>
      <c r="J16" s="1" t="s">
        <v>338</v>
      </c>
      <c r="K16" s="1" t="s">
        <v>376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50</v>
      </c>
      <c r="R16" s="1" t="s">
        <v>89</v>
      </c>
      <c r="S16" s="1" t="s">
        <v>150</v>
      </c>
      <c r="T16" s="1" t="s">
        <v>42</v>
      </c>
      <c r="U16" s="1">
        <v>8.3000000000000007</v>
      </c>
      <c r="V16" s="3">
        <v>13000</v>
      </c>
      <c r="W16" s="1"/>
      <c r="X16" s="1">
        <v>0.63</v>
      </c>
      <c r="Y16" s="1">
        <v>7.5999999999999998E-2</v>
      </c>
      <c r="Z16" s="1">
        <v>8.9999999999999998E-4</v>
      </c>
      <c r="AA16" s="1"/>
      <c r="AB16" s="1"/>
      <c r="AC16" s="1" t="s">
        <v>722</v>
      </c>
      <c r="AD16" s="1" t="s">
        <v>723</v>
      </c>
      <c r="AE16" s="1" t="s">
        <v>724</v>
      </c>
      <c r="AF16" s="1" t="s">
        <v>725</v>
      </c>
      <c r="AG16" s="1" t="s">
        <v>724</v>
      </c>
      <c r="AH16" s="1" t="s">
        <v>724</v>
      </c>
      <c r="AI16" s="1"/>
      <c r="AJ16" s="1"/>
      <c r="AK16" s="1"/>
      <c r="AL16" s="1" t="s">
        <v>727</v>
      </c>
      <c r="AM16" s="1"/>
      <c r="AN16" s="1"/>
      <c r="AO16" s="1"/>
      <c r="AP16" t="s">
        <v>727</v>
      </c>
      <c r="AQ16" s="1"/>
      <c r="AR16" s="1" t="s">
        <v>727</v>
      </c>
      <c r="AS16" s="1" t="s">
        <v>727</v>
      </c>
      <c r="AT16" s="1"/>
      <c r="AU16" s="1" t="s">
        <v>724</v>
      </c>
      <c r="AV16" s="1" t="s">
        <v>722</v>
      </c>
      <c r="AW16" s="1" t="s">
        <v>722</v>
      </c>
      <c r="AX16" s="1"/>
      <c r="AY16" s="1"/>
      <c r="AZ16" s="1"/>
      <c r="BA16" s="1"/>
      <c r="BB16" s="1" t="s">
        <v>734</v>
      </c>
      <c r="BC16" s="1">
        <v>0.56000000000000005</v>
      </c>
      <c r="BD16" s="1">
        <v>0.61</v>
      </c>
      <c r="BE16" s="1"/>
      <c r="BF16" s="1"/>
      <c r="BG16" s="1"/>
      <c r="BH16" s="1"/>
      <c r="BI16" s="1"/>
      <c r="BJ16" s="1"/>
      <c r="BK16" s="1"/>
      <c r="BL16" s="1"/>
      <c r="BM16" s="1" t="s">
        <v>739</v>
      </c>
      <c r="BN16" s="1">
        <v>6.4000000000000001E-2</v>
      </c>
      <c r="BO16" s="1">
        <v>16</v>
      </c>
      <c r="BP16" s="1">
        <v>4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2152777777777779</v>
      </c>
      <c r="C17" s="1" t="s">
        <v>704</v>
      </c>
      <c r="D17" s="1" t="s">
        <v>64</v>
      </c>
      <c r="E17" s="1" t="s">
        <v>28</v>
      </c>
      <c r="F17" s="1" t="s">
        <v>403</v>
      </c>
      <c r="G17" s="1" t="s">
        <v>404</v>
      </c>
      <c r="I17" s="1" t="s">
        <v>405</v>
      </c>
      <c r="J17" s="1" t="s">
        <v>338</v>
      </c>
      <c r="K17" s="1" t="s">
        <v>376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256</v>
      </c>
      <c r="R17" s="1" t="s">
        <v>89</v>
      </c>
      <c r="S17" s="1" t="s">
        <v>150</v>
      </c>
      <c r="T17" s="1" t="s">
        <v>42</v>
      </c>
      <c r="U17" s="1">
        <v>7.6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75</v>
      </c>
      <c r="C18" s="1" t="s">
        <v>704</v>
      </c>
      <c r="D18" s="1" t="s">
        <v>64</v>
      </c>
      <c r="E18" s="1" t="s">
        <v>28</v>
      </c>
      <c r="F18" s="1" t="s">
        <v>406</v>
      </c>
      <c r="G18" s="1" t="s">
        <v>407</v>
      </c>
      <c r="I18" s="1" t="s">
        <v>408</v>
      </c>
      <c r="J18" s="1" t="s">
        <v>338</v>
      </c>
      <c r="K18" s="1" t="s">
        <v>376</v>
      </c>
      <c r="L18" s="1" t="s">
        <v>409</v>
      </c>
      <c r="N18" s="1" t="s">
        <v>36</v>
      </c>
      <c r="O18" s="1" t="s">
        <v>235</v>
      </c>
      <c r="P18" s="1" t="s">
        <v>38</v>
      </c>
      <c r="Q18" s="1" t="s">
        <v>39</v>
      </c>
      <c r="R18" s="1" t="s">
        <v>52</v>
      </c>
      <c r="S18" s="1" t="s">
        <v>410</v>
      </c>
      <c r="T18" s="1" t="s">
        <v>396</v>
      </c>
      <c r="U18" s="1">
        <v>7.7</v>
      </c>
      <c r="V18" s="1"/>
      <c r="W18" s="1"/>
      <c r="X18" s="1">
        <v>0.71</v>
      </c>
      <c r="Y18" s="1">
        <v>9.6000000000000002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6</v>
      </c>
      <c r="BP18" s="1">
        <v>3.9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63</v>
      </c>
      <c r="B19" s="2">
        <v>0.12152777777777778</v>
      </c>
      <c r="C19" s="1" t="s">
        <v>704</v>
      </c>
      <c r="D19" s="1" t="s">
        <v>64</v>
      </c>
      <c r="E19" s="1" t="s">
        <v>28</v>
      </c>
      <c r="F19" s="1" t="s">
        <v>213</v>
      </c>
      <c r="G19" s="1" t="s">
        <v>411</v>
      </c>
      <c r="I19" s="1" t="s">
        <v>412</v>
      </c>
      <c r="J19" s="1" t="s">
        <v>338</v>
      </c>
      <c r="K19" s="1" t="s">
        <v>376</v>
      </c>
      <c r="L19" s="1" t="s">
        <v>159</v>
      </c>
      <c r="N19" s="1" t="s">
        <v>249</v>
      </c>
      <c r="O19" s="1" t="s">
        <v>269</v>
      </c>
      <c r="P19" s="1" t="s">
        <v>38</v>
      </c>
      <c r="Q19" s="1" t="s">
        <v>127</v>
      </c>
      <c r="R19" s="1" t="s">
        <v>135</v>
      </c>
      <c r="S19" s="1" t="s">
        <v>413</v>
      </c>
      <c r="T19" s="1" t="s">
        <v>414</v>
      </c>
      <c r="U19" s="1">
        <v>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3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272</v>
      </c>
      <c r="B20" s="2">
        <v>0.40277777777777773</v>
      </c>
      <c r="C20" s="1" t="s">
        <v>704</v>
      </c>
      <c r="D20" s="1" t="s">
        <v>27</v>
      </c>
      <c r="E20" s="1" t="s">
        <v>28</v>
      </c>
      <c r="F20" s="1" t="s">
        <v>415</v>
      </c>
      <c r="G20" s="1" t="s">
        <v>416</v>
      </c>
      <c r="I20" s="1" t="s">
        <v>417</v>
      </c>
      <c r="J20" s="1" t="s">
        <v>338</v>
      </c>
      <c r="K20" s="1" t="s">
        <v>376</v>
      </c>
      <c r="L20" s="1" t="s">
        <v>418</v>
      </c>
      <c r="N20" s="1" t="s">
        <v>36</v>
      </c>
      <c r="O20" s="1" t="s">
        <v>277</v>
      </c>
      <c r="P20" s="1" t="s">
        <v>38</v>
      </c>
      <c r="Q20" s="1" t="s">
        <v>69</v>
      </c>
      <c r="R20" s="1" t="s">
        <v>257</v>
      </c>
      <c r="S20" s="1" t="s">
        <v>116</v>
      </c>
      <c r="T20" s="1" t="s">
        <v>284</v>
      </c>
      <c r="U20" s="1">
        <v>8.1999999999999993</v>
      </c>
      <c r="V20" s="3">
        <v>3300</v>
      </c>
      <c r="W20" s="1" t="s">
        <v>728</v>
      </c>
      <c r="X20" s="1">
        <v>0.63</v>
      </c>
      <c r="Y20" s="1">
        <v>5.5E-2</v>
      </c>
      <c r="Z20" s="1">
        <v>1.2999999999999999E-3</v>
      </c>
      <c r="AA20" s="1" t="s">
        <v>755</v>
      </c>
      <c r="AB20" s="1" t="s">
        <v>758</v>
      </c>
      <c r="AC20" s="1" t="s">
        <v>722</v>
      </c>
      <c r="AD20" s="1" t="s">
        <v>723</v>
      </c>
      <c r="AE20" s="1" t="s">
        <v>724</v>
      </c>
      <c r="AF20" s="1" t="s">
        <v>725</v>
      </c>
      <c r="AG20" s="1" t="s">
        <v>724</v>
      </c>
      <c r="AH20" s="1" t="s">
        <v>724</v>
      </c>
      <c r="AI20" s="1"/>
      <c r="AJ20" s="1" t="s">
        <v>724</v>
      </c>
      <c r="AK20" s="1" t="s">
        <v>727</v>
      </c>
      <c r="AL20" s="1" t="s">
        <v>727</v>
      </c>
      <c r="AM20" s="1" t="s">
        <v>727</v>
      </c>
      <c r="AN20" s="1" t="s">
        <v>727</v>
      </c>
      <c r="AO20" s="1" t="s">
        <v>727</v>
      </c>
      <c r="AP20" t="s">
        <v>727</v>
      </c>
      <c r="AQ20" s="1" t="s">
        <v>727</v>
      </c>
      <c r="AR20" s="1" t="s">
        <v>727</v>
      </c>
      <c r="AS20" s="1" t="s">
        <v>727</v>
      </c>
      <c r="AT20" s="1" t="s">
        <v>735</v>
      </c>
      <c r="AU20" s="1"/>
      <c r="AV20" s="1"/>
      <c r="AW20" s="1"/>
      <c r="AX20" s="1" t="s">
        <v>727</v>
      </c>
      <c r="AY20" s="1" t="s">
        <v>724</v>
      </c>
      <c r="AZ20" s="1" t="s">
        <v>732</v>
      </c>
      <c r="BA20" s="1">
        <v>0.01</v>
      </c>
      <c r="BB20" s="1" t="s">
        <v>734</v>
      </c>
      <c r="BC20" s="1">
        <v>0.54</v>
      </c>
      <c r="BD20" s="1">
        <v>0.59</v>
      </c>
      <c r="BE20" s="1" t="s">
        <v>733</v>
      </c>
      <c r="BF20" s="1" t="s">
        <v>733</v>
      </c>
      <c r="BG20" s="1">
        <v>0.01</v>
      </c>
      <c r="BH20" s="1">
        <v>0.02</v>
      </c>
      <c r="BI20" s="1" t="s">
        <v>723</v>
      </c>
      <c r="BJ20" s="1" t="s">
        <v>733</v>
      </c>
      <c r="BK20" s="1" t="s">
        <v>724</v>
      </c>
      <c r="BL20" s="1" t="s">
        <v>740</v>
      </c>
      <c r="BM20" s="1" t="s">
        <v>739</v>
      </c>
      <c r="BN20" s="1">
        <v>5.5E-2</v>
      </c>
      <c r="BO20" s="1">
        <v>12</v>
      </c>
      <c r="BP20" s="1">
        <v>2.6</v>
      </c>
      <c r="BQ20" s="1"/>
      <c r="BR20" s="1" t="s">
        <v>741</v>
      </c>
      <c r="BS20" s="1"/>
      <c r="BT20" s="1"/>
      <c r="BU20" s="1">
        <v>2.1000000000000001E-2</v>
      </c>
      <c r="BV20" s="1">
        <v>1.9E-2</v>
      </c>
      <c r="BW20" s="1">
        <v>2.5999999999999999E-3</v>
      </c>
      <c r="BX20" s="1">
        <v>2.0000000000000001E-4</v>
      </c>
      <c r="BY20" s="1" t="s">
        <v>726</v>
      </c>
      <c r="BZ20" s="1"/>
    </row>
    <row r="21" spans="1:78" x14ac:dyDescent="0.15">
      <c r="B21" s="2">
        <v>0.61458333333333337</v>
      </c>
      <c r="C21" s="1" t="s">
        <v>704</v>
      </c>
      <c r="D21" s="1" t="s">
        <v>27</v>
      </c>
      <c r="E21" s="1" t="s">
        <v>28</v>
      </c>
      <c r="F21" s="1" t="s">
        <v>419</v>
      </c>
      <c r="G21" s="1" t="s">
        <v>253</v>
      </c>
      <c r="I21" s="1" t="s">
        <v>420</v>
      </c>
      <c r="J21" s="1" t="s">
        <v>338</v>
      </c>
      <c r="K21" s="1" t="s">
        <v>376</v>
      </c>
      <c r="L21" s="1" t="s">
        <v>421</v>
      </c>
      <c r="N21" s="1" t="s">
        <v>36</v>
      </c>
      <c r="O21" s="1" t="s">
        <v>277</v>
      </c>
      <c r="P21" s="1" t="s">
        <v>38</v>
      </c>
      <c r="Q21" s="1" t="s">
        <v>77</v>
      </c>
      <c r="R21" s="1" t="s">
        <v>290</v>
      </c>
      <c r="S21" s="1" t="s">
        <v>242</v>
      </c>
      <c r="T21" s="1" t="s">
        <v>279</v>
      </c>
      <c r="U21" s="1">
        <v>7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2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7152777777777779</v>
      </c>
      <c r="C22" s="1" t="s">
        <v>704</v>
      </c>
      <c r="D22" s="1" t="s">
        <v>27</v>
      </c>
      <c r="E22" s="1" t="s">
        <v>28</v>
      </c>
      <c r="F22" s="1" t="s">
        <v>422</v>
      </c>
      <c r="G22" s="1" t="s">
        <v>318</v>
      </c>
      <c r="I22" s="1" t="s">
        <v>423</v>
      </c>
      <c r="J22" s="1" t="s">
        <v>338</v>
      </c>
      <c r="K22" s="1" t="s">
        <v>376</v>
      </c>
      <c r="L22" s="1" t="s">
        <v>260</v>
      </c>
      <c r="N22" s="1" t="s">
        <v>36</v>
      </c>
      <c r="O22" s="1" t="s">
        <v>277</v>
      </c>
      <c r="P22" s="1" t="s">
        <v>38</v>
      </c>
      <c r="Q22" s="1" t="s">
        <v>39</v>
      </c>
      <c r="R22" s="1" t="s">
        <v>51</v>
      </c>
      <c r="S22" s="1" t="s">
        <v>291</v>
      </c>
      <c r="T22" s="1" t="s">
        <v>197</v>
      </c>
      <c r="U22" s="1">
        <v>8</v>
      </c>
      <c r="V22" s="1"/>
      <c r="W22" s="1"/>
      <c r="X22" s="1">
        <v>0.6</v>
      </c>
      <c r="Y22" s="1">
        <v>6.2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3</v>
      </c>
      <c r="BP22" s="1">
        <v>2.6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92</v>
      </c>
      <c r="B23" s="2">
        <v>0.125</v>
      </c>
      <c r="C23" s="1" t="s">
        <v>704</v>
      </c>
      <c r="D23" s="1" t="s">
        <v>27</v>
      </c>
      <c r="E23" s="1" t="s">
        <v>28</v>
      </c>
      <c r="F23" s="1" t="s">
        <v>424</v>
      </c>
      <c r="G23" s="1" t="s">
        <v>407</v>
      </c>
      <c r="I23" s="1" t="s">
        <v>425</v>
      </c>
      <c r="J23" s="1" t="s">
        <v>338</v>
      </c>
      <c r="K23" s="1" t="s">
        <v>376</v>
      </c>
      <c r="L23" s="1" t="s">
        <v>418</v>
      </c>
      <c r="N23" s="1" t="s">
        <v>36</v>
      </c>
      <c r="O23" s="1" t="s">
        <v>277</v>
      </c>
      <c r="P23" s="1" t="s">
        <v>38</v>
      </c>
      <c r="Q23" s="1" t="s">
        <v>39</v>
      </c>
      <c r="R23" s="1" t="s">
        <v>51</v>
      </c>
      <c r="S23" s="1" t="s">
        <v>291</v>
      </c>
      <c r="T23" s="1" t="s">
        <v>279</v>
      </c>
      <c r="U23" s="1">
        <v>7.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2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8</v>
      </c>
      <c r="B24" s="2">
        <v>0.39930555555555558</v>
      </c>
      <c r="C24" s="1" t="s">
        <v>704</v>
      </c>
      <c r="D24" s="1" t="s">
        <v>64</v>
      </c>
      <c r="E24" s="1" t="s">
        <v>28</v>
      </c>
      <c r="F24" s="1" t="s">
        <v>254</v>
      </c>
      <c r="G24" s="1" t="s">
        <v>426</v>
      </c>
      <c r="I24" s="1" t="s">
        <v>427</v>
      </c>
      <c r="J24" s="1" t="s">
        <v>338</v>
      </c>
      <c r="K24" s="1" t="s">
        <v>376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69</v>
      </c>
      <c r="R24" s="1" t="s">
        <v>89</v>
      </c>
      <c r="S24" s="1" t="s">
        <v>62</v>
      </c>
      <c r="T24" s="1" t="s">
        <v>303</v>
      </c>
      <c r="U24" s="1">
        <v>8.6</v>
      </c>
      <c r="V24" s="3">
        <v>4900</v>
      </c>
      <c r="W24" s="1"/>
      <c r="X24" s="1">
        <v>0.63</v>
      </c>
      <c r="Y24" s="1">
        <v>6.2E-2</v>
      </c>
      <c r="Z24" s="1">
        <v>5.0000000000000001E-4</v>
      </c>
      <c r="AA24" s="1"/>
      <c r="AB24" s="1"/>
      <c r="AC24" s="1" t="s">
        <v>722</v>
      </c>
      <c r="AD24" s="1" t="s">
        <v>723</v>
      </c>
      <c r="AE24" s="1" t="s">
        <v>724</v>
      </c>
      <c r="AF24" s="1" t="s">
        <v>725</v>
      </c>
      <c r="AG24" s="1" t="s">
        <v>724</v>
      </c>
      <c r="AH24" s="1" t="s">
        <v>724</v>
      </c>
      <c r="AI24" s="1"/>
      <c r="AJ24" s="1"/>
      <c r="AK24" s="1"/>
      <c r="AL24" s="1" t="s">
        <v>727</v>
      </c>
      <c r="AM24" s="1"/>
      <c r="AN24" s="1"/>
      <c r="AO24" s="1"/>
      <c r="AP24" t="s">
        <v>727</v>
      </c>
      <c r="AQ24" s="1"/>
      <c r="AR24" s="1" t="s">
        <v>727</v>
      </c>
      <c r="AS24" s="1" t="s">
        <v>727</v>
      </c>
      <c r="AT24" s="1"/>
      <c r="AU24" s="1"/>
      <c r="AV24" s="1"/>
      <c r="AW24" s="1"/>
      <c r="AX24" s="1"/>
      <c r="AY24" s="1"/>
      <c r="AZ24" s="1"/>
      <c r="BA24" s="1"/>
      <c r="BB24" s="1" t="s">
        <v>734</v>
      </c>
      <c r="BC24" s="1">
        <v>0.56999999999999995</v>
      </c>
      <c r="BD24" s="1">
        <v>0.62</v>
      </c>
      <c r="BE24" s="1"/>
      <c r="BF24" s="1"/>
      <c r="BG24" s="1"/>
      <c r="BH24" s="1"/>
      <c r="BI24" s="1"/>
      <c r="BJ24" s="1"/>
      <c r="BK24" s="1"/>
      <c r="BL24" s="1"/>
      <c r="BM24" s="1" t="s">
        <v>739</v>
      </c>
      <c r="BN24" s="1">
        <v>5.5E-2</v>
      </c>
      <c r="BO24" s="1">
        <v>13</v>
      </c>
      <c r="BP24" s="1">
        <v>2.8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1458333333333337</v>
      </c>
      <c r="C25" s="1" t="s">
        <v>704</v>
      </c>
      <c r="D25" s="1" t="s">
        <v>64</v>
      </c>
      <c r="E25" s="1" t="s">
        <v>28</v>
      </c>
      <c r="F25" s="1" t="s">
        <v>428</v>
      </c>
      <c r="G25" s="1" t="s">
        <v>218</v>
      </c>
      <c r="I25" s="1" t="s">
        <v>429</v>
      </c>
      <c r="J25" s="1" t="s">
        <v>338</v>
      </c>
      <c r="K25" s="1" t="s">
        <v>376</v>
      </c>
      <c r="L25" s="1" t="s">
        <v>430</v>
      </c>
      <c r="N25" s="1" t="s">
        <v>36</v>
      </c>
      <c r="O25" s="1" t="s">
        <v>310</v>
      </c>
      <c r="P25" s="1" t="s">
        <v>38</v>
      </c>
      <c r="Q25" s="1" t="s">
        <v>69</v>
      </c>
      <c r="R25" s="1" t="s">
        <v>96</v>
      </c>
      <c r="S25" s="1" t="s">
        <v>111</v>
      </c>
      <c r="T25" s="1" t="s">
        <v>303</v>
      </c>
      <c r="U25" s="1">
        <v>8.1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2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7152777777777779</v>
      </c>
      <c r="C26" s="1" t="s">
        <v>704</v>
      </c>
      <c r="D26" s="1" t="s">
        <v>64</v>
      </c>
      <c r="E26" s="1" t="s">
        <v>28</v>
      </c>
      <c r="F26" s="1" t="s">
        <v>431</v>
      </c>
      <c r="G26" s="1" t="s">
        <v>432</v>
      </c>
      <c r="I26" s="1" t="s">
        <v>433</v>
      </c>
      <c r="J26" s="1" t="s">
        <v>338</v>
      </c>
      <c r="K26" s="1" t="s">
        <v>376</v>
      </c>
      <c r="L26" s="1" t="s">
        <v>434</v>
      </c>
      <c r="N26" s="1" t="s">
        <v>36</v>
      </c>
      <c r="O26" s="1" t="s">
        <v>310</v>
      </c>
      <c r="P26" s="1" t="s">
        <v>38</v>
      </c>
      <c r="Q26" s="1" t="s">
        <v>39</v>
      </c>
      <c r="R26" s="1" t="s">
        <v>70</v>
      </c>
      <c r="S26" s="1" t="s">
        <v>103</v>
      </c>
      <c r="T26" s="1" t="s">
        <v>303</v>
      </c>
      <c r="U26" s="1">
        <v>8.6999999999999993</v>
      </c>
      <c r="V26" s="1"/>
      <c r="W26" s="1"/>
      <c r="X26" s="1">
        <v>0.6</v>
      </c>
      <c r="Y26" s="1">
        <v>5.8999999999999997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3</v>
      </c>
      <c r="BP26" s="1">
        <v>2.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11</v>
      </c>
      <c r="B27" s="2">
        <v>0.125</v>
      </c>
      <c r="C27" s="1" t="s">
        <v>704</v>
      </c>
      <c r="D27" s="1" t="s">
        <v>64</v>
      </c>
      <c r="E27" s="1" t="s">
        <v>28</v>
      </c>
      <c r="F27" s="1" t="s">
        <v>237</v>
      </c>
      <c r="G27" s="1" t="s">
        <v>147</v>
      </c>
      <c r="I27" s="1" t="s">
        <v>435</v>
      </c>
      <c r="J27" s="1" t="s">
        <v>338</v>
      </c>
      <c r="K27" s="1" t="s">
        <v>376</v>
      </c>
      <c r="L27" s="1" t="s">
        <v>436</v>
      </c>
      <c r="N27" s="1" t="s">
        <v>36</v>
      </c>
      <c r="O27" s="1" t="s">
        <v>235</v>
      </c>
      <c r="P27" s="1" t="s">
        <v>38</v>
      </c>
      <c r="Q27" s="1" t="s">
        <v>39</v>
      </c>
      <c r="R27" s="1" t="s">
        <v>70</v>
      </c>
      <c r="S27" s="1" t="s">
        <v>62</v>
      </c>
      <c r="T27" s="1" t="s">
        <v>128</v>
      </c>
      <c r="U27" s="1">
        <v>8.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15</v>
      </c>
      <c r="B28" s="2">
        <v>0.39930555555555558</v>
      </c>
      <c r="C28" s="1" t="s">
        <v>704</v>
      </c>
      <c r="D28" s="1" t="s">
        <v>27</v>
      </c>
      <c r="E28" s="1" t="s">
        <v>28</v>
      </c>
      <c r="F28" s="1" t="s">
        <v>254</v>
      </c>
      <c r="G28" s="1" t="s">
        <v>432</v>
      </c>
      <c r="I28" s="1" t="s">
        <v>437</v>
      </c>
      <c r="J28" s="1" t="s">
        <v>338</v>
      </c>
      <c r="K28" s="1" t="s">
        <v>376</v>
      </c>
      <c r="L28" s="1" t="s">
        <v>271</v>
      </c>
      <c r="N28" s="1" t="s">
        <v>36</v>
      </c>
      <c r="O28" s="1" t="s">
        <v>310</v>
      </c>
      <c r="P28" s="1" t="s">
        <v>38</v>
      </c>
      <c r="Q28" s="1" t="s">
        <v>69</v>
      </c>
      <c r="R28" s="1" t="s">
        <v>89</v>
      </c>
      <c r="S28" s="1" t="s">
        <v>41</v>
      </c>
      <c r="T28" s="1" t="s">
        <v>197</v>
      </c>
      <c r="U28" s="1">
        <v>8.9</v>
      </c>
      <c r="V28" s="3">
        <v>7000</v>
      </c>
      <c r="W28" s="1"/>
      <c r="X28" s="1">
        <v>0.72</v>
      </c>
      <c r="Y28" s="1">
        <v>6.4000000000000001E-2</v>
      </c>
      <c r="Z28" s="1">
        <v>1.2999999999999999E-3</v>
      </c>
      <c r="AC28" s="1" t="s">
        <v>722</v>
      </c>
      <c r="AD28" s="1" t="s">
        <v>723</v>
      </c>
      <c r="AE28" s="1" t="s">
        <v>724</v>
      </c>
      <c r="AF28" s="1" t="s">
        <v>725</v>
      </c>
      <c r="AG28" s="1" t="s">
        <v>724</v>
      </c>
      <c r="AH28" s="1" t="s">
        <v>724</v>
      </c>
      <c r="AI28" s="1"/>
      <c r="AJ28" s="1"/>
      <c r="AK28" s="1"/>
      <c r="AL28" s="1" t="s">
        <v>727</v>
      </c>
      <c r="AM28" s="1"/>
      <c r="AN28" s="1"/>
      <c r="AO28" s="1"/>
      <c r="AP28" t="s">
        <v>727</v>
      </c>
      <c r="AQ28" s="1"/>
      <c r="AR28" s="1" t="s">
        <v>727</v>
      </c>
      <c r="AS28" s="1" t="s">
        <v>727</v>
      </c>
      <c r="AT28" s="1"/>
      <c r="AU28" s="1"/>
      <c r="AV28" s="1"/>
      <c r="AW28" s="1"/>
      <c r="AX28" s="1"/>
      <c r="AY28" s="1"/>
      <c r="AZ28" s="1" t="s">
        <v>732</v>
      </c>
      <c r="BA28" s="1">
        <v>1.2E-2</v>
      </c>
      <c r="BB28" s="1" t="s">
        <v>734</v>
      </c>
      <c r="BC28" s="1">
        <v>0.64</v>
      </c>
      <c r="BD28" s="1">
        <v>0.69</v>
      </c>
      <c r="BF28" s="1" t="s">
        <v>733</v>
      </c>
      <c r="BG28" s="1">
        <v>1.1999999999999999E-3</v>
      </c>
      <c r="BH28" s="1">
        <v>0.08</v>
      </c>
      <c r="BI28" s="1" t="s">
        <v>723</v>
      </c>
      <c r="BJ28" s="1"/>
      <c r="BK28" s="1"/>
      <c r="BL28" s="1"/>
      <c r="BM28" s="1" t="s">
        <v>739</v>
      </c>
      <c r="BN28" s="1">
        <v>5.2999999999999999E-2</v>
      </c>
      <c r="BO28" s="1">
        <v>14</v>
      </c>
      <c r="BP28" s="1">
        <v>2.9</v>
      </c>
      <c r="BQ28" s="1"/>
      <c r="BR28" s="1" t="s">
        <v>74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1458333333333337</v>
      </c>
      <c r="C29" s="1" t="s">
        <v>704</v>
      </c>
      <c r="D29" s="1" t="s">
        <v>27</v>
      </c>
      <c r="E29" s="1" t="s">
        <v>28</v>
      </c>
      <c r="F29" s="1" t="s">
        <v>438</v>
      </c>
      <c r="G29" s="1" t="s">
        <v>168</v>
      </c>
      <c r="I29" s="1" t="s">
        <v>439</v>
      </c>
      <c r="J29" s="1" t="s">
        <v>338</v>
      </c>
      <c r="K29" s="1" t="s">
        <v>376</v>
      </c>
      <c r="L29" s="1" t="s">
        <v>440</v>
      </c>
      <c r="N29" s="1" t="s">
        <v>36</v>
      </c>
      <c r="O29" s="1" t="s">
        <v>310</v>
      </c>
      <c r="P29" s="1" t="s">
        <v>38</v>
      </c>
      <c r="Q29" s="1" t="s">
        <v>69</v>
      </c>
      <c r="R29" s="1" t="s">
        <v>61</v>
      </c>
      <c r="S29" s="1" t="s">
        <v>144</v>
      </c>
      <c r="T29" s="1" t="s">
        <v>303</v>
      </c>
      <c r="U29" s="1">
        <v>7.9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86805555555555547</v>
      </c>
      <c r="C30" s="1" t="s">
        <v>704</v>
      </c>
      <c r="D30" s="1" t="s">
        <v>64</v>
      </c>
      <c r="E30" s="1" t="s">
        <v>28</v>
      </c>
      <c r="F30" s="1" t="s">
        <v>160</v>
      </c>
      <c r="G30" s="1" t="s">
        <v>174</v>
      </c>
      <c r="I30" s="1" t="s">
        <v>441</v>
      </c>
      <c r="J30" s="1" t="s">
        <v>338</v>
      </c>
      <c r="K30" s="1" t="s">
        <v>376</v>
      </c>
      <c r="L30" s="1" t="s">
        <v>418</v>
      </c>
      <c r="N30" s="1" t="s">
        <v>36</v>
      </c>
      <c r="O30" s="1" t="s">
        <v>310</v>
      </c>
      <c r="P30" s="1" t="s">
        <v>38</v>
      </c>
      <c r="Q30" s="1" t="s">
        <v>39</v>
      </c>
      <c r="R30" s="1" t="s">
        <v>61</v>
      </c>
      <c r="S30" s="1" t="s">
        <v>62</v>
      </c>
      <c r="T30" s="1" t="s">
        <v>284</v>
      </c>
      <c r="U30" s="1">
        <v>8.9</v>
      </c>
      <c r="V30" s="1"/>
      <c r="W30" s="1"/>
      <c r="X30" s="1">
        <v>0.66</v>
      </c>
      <c r="Y30" s="1">
        <v>6.9000000000000006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3</v>
      </c>
      <c r="BP30" s="1">
        <v>2.9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23</v>
      </c>
      <c r="B31" s="2">
        <v>0.12152777777777778</v>
      </c>
      <c r="C31" s="1" t="s">
        <v>704</v>
      </c>
      <c r="D31" s="1" t="s">
        <v>64</v>
      </c>
      <c r="E31" s="1" t="s">
        <v>28</v>
      </c>
      <c r="F31" s="1" t="s">
        <v>161</v>
      </c>
      <c r="G31" s="1" t="s">
        <v>147</v>
      </c>
      <c r="I31" s="1" t="s">
        <v>442</v>
      </c>
      <c r="J31" s="1" t="s">
        <v>338</v>
      </c>
      <c r="K31" s="1" t="s">
        <v>376</v>
      </c>
      <c r="L31" s="1" t="s">
        <v>289</v>
      </c>
      <c r="N31" s="1" t="s">
        <v>36</v>
      </c>
      <c r="O31" s="1" t="s">
        <v>310</v>
      </c>
      <c r="P31" s="1" t="s">
        <v>38</v>
      </c>
      <c r="Q31" s="1" t="s">
        <v>39</v>
      </c>
      <c r="R31" s="1" t="s">
        <v>78</v>
      </c>
      <c r="S31" s="1" t="s">
        <v>144</v>
      </c>
      <c r="T31" s="1" t="s">
        <v>197</v>
      </c>
      <c r="U31" s="1">
        <v>8.5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3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25</v>
      </c>
      <c r="B32" s="2">
        <v>0.39583333333333331</v>
      </c>
      <c r="C32" s="1" t="s">
        <v>704</v>
      </c>
      <c r="D32" s="1" t="s">
        <v>64</v>
      </c>
      <c r="E32" s="1" t="s">
        <v>28</v>
      </c>
      <c r="F32" s="1" t="s">
        <v>320</v>
      </c>
      <c r="G32" s="1" t="s">
        <v>200</v>
      </c>
      <c r="I32" s="1" t="s">
        <v>443</v>
      </c>
      <c r="J32" s="1" t="s">
        <v>338</v>
      </c>
      <c r="K32" s="1" t="s">
        <v>376</v>
      </c>
      <c r="L32" s="1" t="s">
        <v>35</v>
      </c>
      <c r="N32" s="1" t="s">
        <v>36</v>
      </c>
      <c r="O32" s="1" t="s">
        <v>37</v>
      </c>
      <c r="P32" s="1" t="s">
        <v>38</v>
      </c>
      <c r="Q32" s="1" t="s">
        <v>50</v>
      </c>
      <c r="R32" s="1" t="s">
        <v>89</v>
      </c>
      <c r="S32" s="1" t="s">
        <v>135</v>
      </c>
      <c r="T32" s="1" t="s">
        <v>42</v>
      </c>
      <c r="U32" s="1">
        <v>9.3000000000000007</v>
      </c>
      <c r="V32" s="3">
        <v>14000</v>
      </c>
      <c r="W32" s="1"/>
      <c r="X32" s="1">
        <v>0.97</v>
      </c>
      <c r="Y32" s="1">
        <v>8.8999999999999996E-2</v>
      </c>
      <c r="Z32" s="1">
        <v>6.3E-3</v>
      </c>
      <c r="AC32" s="1" t="s">
        <v>722</v>
      </c>
      <c r="AD32" s="1" t="s">
        <v>723</v>
      </c>
      <c r="AE32" s="1" t="s">
        <v>724</v>
      </c>
      <c r="AF32" s="1" t="s">
        <v>725</v>
      </c>
      <c r="AG32" s="1" t="s">
        <v>724</v>
      </c>
      <c r="AH32" s="1" t="s">
        <v>724</v>
      </c>
      <c r="AI32" s="1"/>
      <c r="AJ32" s="1"/>
      <c r="AK32" s="1"/>
      <c r="AL32" s="1" t="s">
        <v>727</v>
      </c>
      <c r="AM32" s="1"/>
      <c r="AN32" s="1"/>
      <c r="AO32" s="1"/>
      <c r="AP32" t="s">
        <v>727</v>
      </c>
      <c r="AQ32" s="1"/>
      <c r="AR32" s="1" t="s">
        <v>727</v>
      </c>
      <c r="AS32" s="1" t="s">
        <v>727</v>
      </c>
      <c r="AT32" s="1"/>
      <c r="AU32" s="1"/>
      <c r="AV32" s="1"/>
      <c r="AW32" s="1"/>
      <c r="AX32" s="1"/>
      <c r="AY32" s="1"/>
      <c r="AZ32" s="1"/>
      <c r="BA32" s="1"/>
      <c r="BB32" s="1" t="s">
        <v>734</v>
      </c>
      <c r="BC32" s="1">
        <v>0.85</v>
      </c>
      <c r="BD32" s="1">
        <v>0.9</v>
      </c>
      <c r="BF32" s="1"/>
      <c r="BG32" s="1"/>
      <c r="BH32" s="1"/>
      <c r="BI32" s="1"/>
      <c r="BJ32" s="1"/>
      <c r="BK32" s="1"/>
      <c r="BL32" s="1"/>
      <c r="BM32" s="1" t="s">
        <v>739</v>
      </c>
      <c r="BN32" s="1">
        <v>7.9000000000000001E-2</v>
      </c>
      <c r="BO32" s="1">
        <v>17</v>
      </c>
      <c r="BP32" s="1">
        <v>4.5</v>
      </c>
      <c r="BQ32" s="1"/>
      <c r="BR32" s="1"/>
      <c r="BS32" s="1"/>
      <c r="BT32" s="1"/>
      <c r="BU32" s="1">
        <v>1.4E-2</v>
      </c>
      <c r="BV32" s="1">
        <v>0.01</v>
      </c>
      <c r="BW32" s="1">
        <v>3.7000000000000002E-3</v>
      </c>
      <c r="BX32" s="1">
        <v>8.9999999999999998E-4</v>
      </c>
      <c r="BY32" s="1">
        <v>1E-4</v>
      </c>
      <c r="BZ32" s="1"/>
    </row>
    <row r="33" spans="1:78" x14ac:dyDescent="0.15">
      <c r="B33" s="2">
        <v>0.62152777777777779</v>
      </c>
      <c r="C33" s="1" t="s">
        <v>704</v>
      </c>
      <c r="D33" s="1" t="s">
        <v>64</v>
      </c>
      <c r="E33" s="1" t="s">
        <v>28</v>
      </c>
      <c r="F33" s="1" t="s">
        <v>123</v>
      </c>
      <c r="G33" s="1" t="s">
        <v>29</v>
      </c>
      <c r="I33" s="1" t="s">
        <v>444</v>
      </c>
      <c r="J33" s="1" t="s">
        <v>338</v>
      </c>
      <c r="K33" s="1" t="s">
        <v>376</v>
      </c>
      <c r="L33" s="1" t="s">
        <v>35</v>
      </c>
      <c r="N33" s="1" t="s">
        <v>36</v>
      </c>
      <c r="O33" s="1" t="s">
        <v>37</v>
      </c>
      <c r="P33" s="1" t="s">
        <v>38</v>
      </c>
      <c r="Q33" s="1" t="s">
        <v>190</v>
      </c>
      <c r="R33" s="1" t="s">
        <v>61</v>
      </c>
      <c r="S33" s="1" t="s">
        <v>103</v>
      </c>
      <c r="T33" s="1" t="s">
        <v>42</v>
      </c>
      <c r="U33" s="1">
        <v>8.9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6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86805555555555547</v>
      </c>
      <c r="C34" s="1" t="s">
        <v>704</v>
      </c>
      <c r="D34" s="1" t="s">
        <v>27</v>
      </c>
      <c r="E34" s="1" t="s">
        <v>28</v>
      </c>
      <c r="F34" s="1" t="s">
        <v>141</v>
      </c>
      <c r="G34" s="1" t="s">
        <v>445</v>
      </c>
      <c r="I34" s="1" t="s">
        <v>446</v>
      </c>
      <c r="J34" s="1" t="s">
        <v>338</v>
      </c>
      <c r="K34" s="1" t="s">
        <v>376</v>
      </c>
      <c r="L34" s="1" t="s">
        <v>35</v>
      </c>
      <c r="N34" s="1" t="s">
        <v>36</v>
      </c>
      <c r="O34" s="1" t="s">
        <v>37</v>
      </c>
      <c r="P34" s="1" t="s">
        <v>38</v>
      </c>
      <c r="Q34" s="1" t="s">
        <v>127</v>
      </c>
      <c r="R34" s="1" t="s">
        <v>51</v>
      </c>
      <c r="S34" s="1" t="s">
        <v>62</v>
      </c>
      <c r="T34" s="1" t="s">
        <v>42</v>
      </c>
      <c r="U34" s="1">
        <v>8.9</v>
      </c>
      <c r="V34" s="1"/>
      <c r="W34" s="1"/>
      <c r="X34" s="1">
        <v>0.94</v>
      </c>
      <c r="Y34" s="1">
        <v>8.7999999999999995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17</v>
      </c>
      <c r="BP34" s="1">
        <v>4.5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90</v>
      </c>
      <c r="B35" s="2">
        <v>0.11458333333333333</v>
      </c>
      <c r="C35" s="1" t="s">
        <v>704</v>
      </c>
      <c r="D35" s="1" t="s">
        <v>27</v>
      </c>
      <c r="E35" s="1" t="s">
        <v>28</v>
      </c>
      <c r="F35" s="1" t="s">
        <v>447</v>
      </c>
      <c r="G35" s="1" t="s">
        <v>186</v>
      </c>
      <c r="I35" s="1" t="s">
        <v>448</v>
      </c>
      <c r="J35" s="1" t="s">
        <v>338</v>
      </c>
      <c r="K35" s="1" t="s">
        <v>376</v>
      </c>
      <c r="L35" s="1" t="s">
        <v>35</v>
      </c>
      <c r="N35" s="1" t="s">
        <v>36</v>
      </c>
      <c r="O35" s="1" t="s">
        <v>37</v>
      </c>
      <c r="P35" s="1" t="s">
        <v>38</v>
      </c>
      <c r="Q35" s="1" t="s">
        <v>127</v>
      </c>
      <c r="R35" s="1" t="s">
        <v>51</v>
      </c>
      <c r="S35" s="1" t="s">
        <v>62</v>
      </c>
      <c r="T35" s="1" t="s">
        <v>155</v>
      </c>
      <c r="U35" s="1">
        <v>9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97</v>
      </c>
      <c r="B36" s="2">
        <v>0.39583333333333331</v>
      </c>
      <c r="C36" s="1" t="s">
        <v>704</v>
      </c>
      <c r="D36" s="1" t="s">
        <v>27</v>
      </c>
      <c r="E36" s="1" t="s">
        <v>28</v>
      </c>
      <c r="F36" s="1" t="s">
        <v>230</v>
      </c>
      <c r="G36" s="1" t="s">
        <v>204</v>
      </c>
      <c r="I36" s="1" t="s">
        <v>449</v>
      </c>
      <c r="J36" s="1" t="s">
        <v>338</v>
      </c>
      <c r="K36" s="1" t="s">
        <v>376</v>
      </c>
      <c r="L36" s="1" t="s">
        <v>35</v>
      </c>
      <c r="N36" s="1" t="s">
        <v>36</v>
      </c>
      <c r="O36" s="1" t="s">
        <v>37</v>
      </c>
      <c r="P36" s="1" t="s">
        <v>38</v>
      </c>
      <c r="Q36" s="1" t="s">
        <v>77</v>
      </c>
      <c r="R36" s="1" t="s">
        <v>51</v>
      </c>
      <c r="S36" s="1" t="s">
        <v>111</v>
      </c>
      <c r="T36" s="1" t="s">
        <v>155</v>
      </c>
      <c r="U36" s="1">
        <v>9.4</v>
      </c>
      <c r="V36" s="3">
        <v>4900</v>
      </c>
      <c r="W36" s="1"/>
      <c r="X36" s="1">
        <v>0.97</v>
      </c>
      <c r="Y36" s="1">
        <v>9.8000000000000004E-2</v>
      </c>
      <c r="Z36" s="1">
        <v>1.6999999999999999E-3</v>
      </c>
      <c r="AC36" s="1" t="s">
        <v>722</v>
      </c>
      <c r="AD36" s="1" t="s">
        <v>723</v>
      </c>
      <c r="AE36" s="1" t="s">
        <v>724</v>
      </c>
      <c r="AF36" s="1" t="s">
        <v>725</v>
      </c>
      <c r="AG36" s="1" t="s">
        <v>724</v>
      </c>
      <c r="AH36" s="1" t="s">
        <v>724</v>
      </c>
      <c r="AI36" s="1"/>
      <c r="AJ36" s="1"/>
      <c r="AK36" s="1"/>
      <c r="AL36" s="1" t="s">
        <v>727</v>
      </c>
      <c r="AM36" s="1"/>
      <c r="AN36" s="1"/>
      <c r="AO36" s="1"/>
      <c r="AP36" t="s">
        <v>727</v>
      </c>
      <c r="AQ36" s="1"/>
      <c r="AR36" s="1" t="s">
        <v>727</v>
      </c>
      <c r="AS36" s="1" t="s">
        <v>727</v>
      </c>
      <c r="AT36" s="1"/>
      <c r="AU36" s="1"/>
      <c r="AV36" s="1"/>
      <c r="AW36" s="1"/>
      <c r="AX36" s="1"/>
      <c r="AY36" s="1"/>
      <c r="AZ36" s="1" t="s">
        <v>732</v>
      </c>
      <c r="BA36" s="1">
        <v>1.7000000000000001E-2</v>
      </c>
      <c r="BB36" s="1" t="s">
        <v>734</v>
      </c>
      <c r="BC36" s="1">
        <v>0.86</v>
      </c>
      <c r="BD36" s="1">
        <v>0.91</v>
      </c>
      <c r="BF36" s="1" t="s">
        <v>733</v>
      </c>
      <c r="BG36" s="1">
        <v>1.1999999999999999E-3</v>
      </c>
      <c r="BH36" s="1" t="s">
        <v>725</v>
      </c>
      <c r="BI36" s="1" t="s">
        <v>723</v>
      </c>
      <c r="BJ36" s="1"/>
      <c r="BK36" s="1"/>
      <c r="BL36" s="1"/>
      <c r="BM36" s="1" t="s">
        <v>739</v>
      </c>
      <c r="BN36" s="1">
        <v>8.6999999999999994E-2</v>
      </c>
      <c r="BO36" s="1">
        <v>16</v>
      </c>
      <c r="BP36" s="1">
        <v>4.4000000000000004</v>
      </c>
      <c r="BQ36" s="1"/>
      <c r="BR36" s="1" t="s">
        <v>74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1458333333333337</v>
      </c>
      <c r="C37" s="1" t="s">
        <v>704</v>
      </c>
      <c r="D37" s="1" t="s">
        <v>27</v>
      </c>
      <c r="E37" s="1" t="s">
        <v>28</v>
      </c>
      <c r="F37" s="1" t="s">
        <v>386</v>
      </c>
      <c r="G37" s="1" t="s">
        <v>320</v>
      </c>
      <c r="I37" s="1" t="s">
        <v>450</v>
      </c>
      <c r="J37" s="1" t="s">
        <v>338</v>
      </c>
      <c r="K37" s="1" t="s">
        <v>376</v>
      </c>
      <c r="L37" s="1" t="s">
        <v>451</v>
      </c>
      <c r="N37" s="1" t="s">
        <v>36</v>
      </c>
      <c r="O37" s="1" t="s">
        <v>235</v>
      </c>
      <c r="P37" s="1" t="s">
        <v>38</v>
      </c>
      <c r="Q37" s="1" t="s">
        <v>256</v>
      </c>
      <c r="R37" s="1" t="s">
        <v>111</v>
      </c>
      <c r="S37" s="1" t="s">
        <v>452</v>
      </c>
      <c r="T37" s="1" t="s">
        <v>453</v>
      </c>
      <c r="U37" s="1">
        <v>9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16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86805555555555547</v>
      </c>
      <c r="C38" s="1" t="s">
        <v>704</v>
      </c>
      <c r="D38" s="1" t="s">
        <v>64</v>
      </c>
      <c r="E38" s="1" t="s">
        <v>28</v>
      </c>
      <c r="F38" s="1" t="s">
        <v>133</v>
      </c>
      <c r="G38" s="1" t="s">
        <v>332</v>
      </c>
      <c r="I38" s="1" t="s">
        <v>454</v>
      </c>
      <c r="J38" s="1" t="s">
        <v>338</v>
      </c>
      <c r="K38" s="1" t="s">
        <v>376</v>
      </c>
      <c r="L38" s="1" t="s">
        <v>35</v>
      </c>
      <c r="N38" s="1" t="s">
        <v>36</v>
      </c>
      <c r="O38" s="1" t="s">
        <v>37</v>
      </c>
      <c r="P38" s="1" t="s">
        <v>38</v>
      </c>
      <c r="Q38" s="1" t="s">
        <v>39</v>
      </c>
      <c r="R38" s="1" t="s">
        <v>89</v>
      </c>
      <c r="S38" s="1" t="s">
        <v>150</v>
      </c>
      <c r="T38" s="1" t="s">
        <v>42</v>
      </c>
      <c r="U38" s="1">
        <v>8.4</v>
      </c>
      <c r="V38" s="1"/>
      <c r="W38" s="1"/>
      <c r="X38" s="1">
        <v>0.92</v>
      </c>
      <c r="Y38" s="1">
        <v>0.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6</v>
      </c>
      <c r="BP38" s="1">
        <v>4.5999999999999996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43</v>
      </c>
      <c r="B39" s="2">
        <v>0.11805555555555557</v>
      </c>
      <c r="C39" s="1" t="s">
        <v>704</v>
      </c>
      <c r="D39" s="1" t="s">
        <v>64</v>
      </c>
      <c r="E39" s="1" t="s">
        <v>28</v>
      </c>
      <c r="F39" s="1" t="s">
        <v>455</v>
      </c>
      <c r="G39" s="1" t="s">
        <v>456</v>
      </c>
      <c r="I39" s="1" t="s">
        <v>457</v>
      </c>
      <c r="J39" s="1" t="s">
        <v>338</v>
      </c>
      <c r="K39" s="1" t="s">
        <v>376</v>
      </c>
      <c r="L39" s="1" t="s">
        <v>35</v>
      </c>
      <c r="N39" s="1" t="s">
        <v>36</v>
      </c>
      <c r="O39" s="1" t="s">
        <v>37</v>
      </c>
      <c r="P39" s="1" t="s">
        <v>38</v>
      </c>
      <c r="Q39" s="1" t="s">
        <v>39</v>
      </c>
      <c r="R39" s="1" t="s">
        <v>257</v>
      </c>
      <c r="S39" s="1" t="s">
        <v>458</v>
      </c>
      <c r="T39" s="1" t="s">
        <v>42</v>
      </c>
      <c r="U39" s="1">
        <v>8.9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6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04</v>
      </c>
      <c r="B40" s="2">
        <v>0.3923611111111111</v>
      </c>
      <c r="C40" s="1" t="s">
        <v>704</v>
      </c>
      <c r="D40" s="1" t="s">
        <v>27</v>
      </c>
      <c r="E40" s="1" t="s">
        <v>28</v>
      </c>
      <c r="F40" s="1" t="s">
        <v>459</v>
      </c>
      <c r="G40" s="1" t="s">
        <v>114</v>
      </c>
      <c r="I40" s="1" t="s">
        <v>460</v>
      </c>
      <c r="J40" s="1" t="s">
        <v>338</v>
      </c>
      <c r="K40" s="1" t="s">
        <v>376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77</v>
      </c>
      <c r="R40" s="1" t="s">
        <v>61</v>
      </c>
      <c r="S40" s="1" t="s">
        <v>96</v>
      </c>
      <c r="T40" s="1" t="s">
        <v>42</v>
      </c>
      <c r="U40" s="1">
        <v>10.9</v>
      </c>
      <c r="V40" s="3">
        <v>3300</v>
      </c>
      <c r="W40" s="1"/>
      <c r="X40" s="1">
        <v>1</v>
      </c>
      <c r="Y40" s="1">
        <v>9.2999999999999999E-2</v>
      </c>
      <c r="Z40" s="1">
        <v>1.1999999999999999E-3</v>
      </c>
      <c r="AC40" s="1" t="s">
        <v>722</v>
      </c>
      <c r="AD40" s="1" t="s">
        <v>723</v>
      </c>
      <c r="AE40" s="1" t="s">
        <v>724</v>
      </c>
      <c r="AF40" s="1" t="s">
        <v>725</v>
      </c>
      <c r="AG40" s="1" t="s">
        <v>724</v>
      </c>
      <c r="AH40" s="1" t="s">
        <v>724</v>
      </c>
      <c r="AI40" s="1"/>
      <c r="AJ40" s="1"/>
      <c r="AK40" s="1"/>
      <c r="AL40" s="1" t="s">
        <v>727</v>
      </c>
      <c r="AM40" s="1"/>
      <c r="AN40" s="1"/>
      <c r="AO40" s="1"/>
      <c r="AP40" t="s">
        <v>727</v>
      </c>
      <c r="AQ40" s="1"/>
      <c r="AR40" s="1" t="s">
        <v>727</v>
      </c>
      <c r="AS40" s="1" t="s">
        <v>727</v>
      </c>
      <c r="AT40" s="1"/>
      <c r="AU40" s="1"/>
      <c r="AV40" s="1"/>
      <c r="AW40" s="1"/>
      <c r="AX40" s="1"/>
      <c r="AY40" s="1"/>
      <c r="AZ40" s="1"/>
      <c r="BA40" s="1"/>
      <c r="BB40" s="1" t="s">
        <v>734</v>
      </c>
      <c r="BC40" s="1">
        <v>0.88</v>
      </c>
      <c r="BD40" s="1">
        <v>0.93</v>
      </c>
      <c r="BF40" s="1"/>
      <c r="BG40" s="1"/>
      <c r="BH40" s="1"/>
      <c r="BI40" s="1"/>
      <c r="BJ40" s="1"/>
      <c r="BK40" s="1"/>
      <c r="BL40" s="1"/>
      <c r="BM40" s="1" t="s">
        <v>739</v>
      </c>
      <c r="BN40" s="1">
        <v>8.4000000000000005E-2</v>
      </c>
      <c r="BO40" s="1">
        <v>16</v>
      </c>
      <c r="BP40" s="1">
        <v>4.0999999999999996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1458333333333337</v>
      </c>
      <c r="C41" s="1" t="s">
        <v>704</v>
      </c>
      <c r="D41" s="1" t="s">
        <v>27</v>
      </c>
      <c r="E41" s="1" t="s">
        <v>28</v>
      </c>
      <c r="F41" s="1" t="s">
        <v>461</v>
      </c>
      <c r="G41" s="1" t="s">
        <v>192</v>
      </c>
      <c r="I41" s="1" t="s">
        <v>462</v>
      </c>
      <c r="J41" s="1" t="s">
        <v>338</v>
      </c>
      <c r="K41" s="1" t="s">
        <v>376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149</v>
      </c>
      <c r="R41" s="1" t="s">
        <v>70</v>
      </c>
      <c r="S41" s="1" t="s">
        <v>103</v>
      </c>
      <c r="T41" s="1" t="s">
        <v>42</v>
      </c>
      <c r="U41" s="1">
        <v>10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6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87152777777777779</v>
      </c>
      <c r="C42" s="1" t="s">
        <v>704</v>
      </c>
      <c r="D42" s="1" t="s">
        <v>27</v>
      </c>
      <c r="E42" s="1" t="s">
        <v>28</v>
      </c>
      <c r="F42" s="1" t="s">
        <v>236</v>
      </c>
      <c r="G42" s="1" t="s">
        <v>463</v>
      </c>
      <c r="I42" s="1" t="s">
        <v>464</v>
      </c>
      <c r="J42" s="1" t="s">
        <v>338</v>
      </c>
      <c r="K42" s="1" t="s">
        <v>376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39</v>
      </c>
      <c r="R42" s="1" t="s">
        <v>96</v>
      </c>
      <c r="S42" s="1" t="s">
        <v>111</v>
      </c>
      <c r="T42" s="1" t="s">
        <v>79</v>
      </c>
      <c r="U42" s="1">
        <v>10.3</v>
      </c>
      <c r="V42" s="1"/>
      <c r="W42" s="1"/>
      <c r="X42" s="1">
        <v>1.1000000000000001</v>
      </c>
      <c r="Y42" s="1">
        <v>9.4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17</v>
      </c>
      <c r="BP42" s="1">
        <v>4.5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54</v>
      </c>
      <c r="B43" s="2">
        <v>0.11805555555555557</v>
      </c>
      <c r="C43" s="1" t="s">
        <v>704</v>
      </c>
      <c r="D43" s="1" t="s">
        <v>27</v>
      </c>
      <c r="E43" s="1" t="s">
        <v>28</v>
      </c>
      <c r="F43" s="1" t="s">
        <v>70</v>
      </c>
      <c r="G43" s="1" t="s">
        <v>39</v>
      </c>
      <c r="I43" s="1" t="s">
        <v>465</v>
      </c>
      <c r="J43" s="1" t="s">
        <v>338</v>
      </c>
      <c r="K43" s="1" t="s">
        <v>376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39</v>
      </c>
      <c r="R43" s="1" t="s">
        <v>61</v>
      </c>
      <c r="S43" s="1" t="s">
        <v>144</v>
      </c>
      <c r="T43" s="1" t="s">
        <v>79</v>
      </c>
      <c r="U43" s="1">
        <v>11.2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16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57</v>
      </c>
      <c r="B44" s="2">
        <v>0.40972222222222227</v>
      </c>
      <c r="C44" s="1" t="s">
        <v>704</v>
      </c>
      <c r="D44" s="1" t="s">
        <v>64</v>
      </c>
      <c r="E44" s="1" t="s">
        <v>28</v>
      </c>
      <c r="F44" s="1" t="s">
        <v>347</v>
      </c>
      <c r="G44" s="1" t="s">
        <v>463</v>
      </c>
      <c r="I44" s="1" t="s">
        <v>466</v>
      </c>
      <c r="J44" s="1" t="s">
        <v>338</v>
      </c>
      <c r="K44" s="1" t="s">
        <v>376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69</v>
      </c>
      <c r="R44" s="1" t="s">
        <v>61</v>
      </c>
      <c r="S44" s="1" t="s">
        <v>41</v>
      </c>
      <c r="T44" s="1" t="s">
        <v>155</v>
      </c>
      <c r="U44" s="1">
        <v>11.1</v>
      </c>
      <c r="V44" s="3">
        <v>13000</v>
      </c>
      <c r="W44" s="1" t="s">
        <v>728</v>
      </c>
      <c r="X44" s="1">
        <v>0.97</v>
      </c>
      <c r="Y44" s="1">
        <v>9.9000000000000005E-2</v>
      </c>
      <c r="Z44" s="1">
        <v>1.5E-3</v>
      </c>
      <c r="AA44" t="s">
        <v>755</v>
      </c>
      <c r="AB44" t="s">
        <v>759</v>
      </c>
      <c r="AC44" s="1" t="s">
        <v>722</v>
      </c>
      <c r="AD44" s="1" t="s">
        <v>723</v>
      </c>
      <c r="AE44" s="1" t="s">
        <v>724</v>
      </c>
      <c r="AF44" s="1" t="s">
        <v>725</v>
      </c>
      <c r="AG44" s="1" t="s">
        <v>724</v>
      </c>
      <c r="AH44" s="1" t="s">
        <v>724</v>
      </c>
      <c r="AI44" s="1"/>
      <c r="AJ44" s="1" t="s">
        <v>724</v>
      </c>
      <c r="AK44" s="1" t="s">
        <v>727</v>
      </c>
      <c r="AL44" s="1" t="s">
        <v>727</v>
      </c>
      <c r="AM44" s="1" t="s">
        <v>727</v>
      </c>
      <c r="AN44" s="1" t="s">
        <v>727</v>
      </c>
      <c r="AO44" s="1" t="s">
        <v>727</v>
      </c>
      <c r="AP44" t="s">
        <v>727</v>
      </c>
      <c r="AQ44" s="1" t="s">
        <v>727</v>
      </c>
      <c r="AR44" s="1" t="s">
        <v>727</v>
      </c>
      <c r="AS44" s="1" t="s">
        <v>727</v>
      </c>
      <c r="AT44" s="1" t="s">
        <v>735</v>
      </c>
      <c r="AU44" s="1"/>
      <c r="AV44" s="1"/>
      <c r="AW44" s="1"/>
      <c r="AX44" s="1" t="s">
        <v>727</v>
      </c>
      <c r="AY44" s="1" t="s">
        <v>724</v>
      </c>
      <c r="AZ44" s="1" t="s">
        <v>732</v>
      </c>
      <c r="BA44" s="1">
        <v>1.2E-2</v>
      </c>
      <c r="BB44" s="1" t="s">
        <v>734</v>
      </c>
      <c r="BC44" s="1">
        <v>0.82</v>
      </c>
      <c r="BD44" s="1">
        <v>0.87</v>
      </c>
      <c r="BE44" t="s">
        <v>733</v>
      </c>
      <c r="BF44" s="1" t="s">
        <v>733</v>
      </c>
      <c r="BG44" s="1">
        <v>8.9999999999999998E-4</v>
      </c>
      <c r="BH44" s="1" t="s">
        <v>725</v>
      </c>
      <c r="BI44" s="1" t="s">
        <v>723</v>
      </c>
      <c r="BJ44" s="1" t="s">
        <v>733</v>
      </c>
      <c r="BK44" s="1" t="s">
        <v>724</v>
      </c>
      <c r="BL44" s="1" t="s">
        <v>740</v>
      </c>
      <c r="BM44" s="1" t="s">
        <v>739</v>
      </c>
      <c r="BN44" s="1">
        <v>8.7999999999999995E-2</v>
      </c>
      <c r="BO44" s="1">
        <v>16</v>
      </c>
      <c r="BP44" s="1">
        <v>4.3</v>
      </c>
      <c r="BQ44" s="1"/>
      <c r="BR44" s="1" t="s">
        <v>741</v>
      </c>
      <c r="BS44" s="1"/>
      <c r="BT44" s="1"/>
      <c r="BU44" s="1">
        <v>1.0999999999999999E-2</v>
      </c>
      <c r="BV44" s="1">
        <v>7.9000000000000008E-3</v>
      </c>
      <c r="BW44" s="1">
        <v>2.5999999999999999E-3</v>
      </c>
      <c r="BX44" s="1">
        <v>5.9999999999999995E-4</v>
      </c>
      <c r="BY44" s="1" t="s">
        <v>726</v>
      </c>
      <c r="BZ44" s="1"/>
    </row>
    <row r="45" spans="1:78" x14ac:dyDescent="0.15">
      <c r="B45" s="2">
        <v>0.62152777777777779</v>
      </c>
      <c r="C45" s="1" t="s">
        <v>704</v>
      </c>
      <c r="D45" s="1" t="s">
        <v>64</v>
      </c>
      <c r="E45" s="1" t="s">
        <v>28</v>
      </c>
      <c r="F45" s="1" t="s">
        <v>127</v>
      </c>
      <c r="G45" s="1" t="s">
        <v>461</v>
      </c>
      <c r="I45" s="1" t="s">
        <v>467</v>
      </c>
      <c r="J45" s="1" t="s">
        <v>338</v>
      </c>
      <c r="K45" s="1" t="s">
        <v>376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256</v>
      </c>
      <c r="R45" s="1" t="s">
        <v>70</v>
      </c>
      <c r="S45" s="1" t="s">
        <v>144</v>
      </c>
      <c r="T45" s="1" t="s">
        <v>155</v>
      </c>
      <c r="U45" s="1">
        <v>10.8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15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86805555555555547</v>
      </c>
      <c r="C46" s="1" t="s">
        <v>704</v>
      </c>
      <c r="D46" s="1" t="s">
        <v>64</v>
      </c>
      <c r="E46" s="1" t="s">
        <v>28</v>
      </c>
      <c r="F46" s="1" t="s">
        <v>468</v>
      </c>
      <c r="G46" s="1" t="s">
        <v>469</v>
      </c>
      <c r="I46" s="1" t="s">
        <v>470</v>
      </c>
      <c r="J46" s="1" t="s">
        <v>338</v>
      </c>
      <c r="K46" s="1" t="s">
        <v>376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127</v>
      </c>
      <c r="R46" s="1" t="s">
        <v>61</v>
      </c>
      <c r="S46" s="1" t="s">
        <v>135</v>
      </c>
      <c r="T46" s="1" t="s">
        <v>155</v>
      </c>
      <c r="U46" s="1">
        <v>10.4</v>
      </c>
      <c r="V46" s="1"/>
      <c r="W46" s="1"/>
      <c r="X46" s="1">
        <v>1</v>
      </c>
      <c r="Y46" s="1">
        <v>0.1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7</v>
      </c>
      <c r="BP46" s="1">
        <v>4.5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61</v>
      </c>
      <c r="B47" s="2">
        <v>0.11805555555555557</v>
      </c>
      <c r="C47" s="1" t="s">
        <v>704</v>
      </c>
      <c r="D47" s="1" t="s">
        <v>64</v>
      </c>
      <c r="E47" s="1" t="s">
        <v>28</v>
      </c>
      <c r="F47" s="1" t="s">
        <v>395</v>
      </c>
      <c r="G47" s="1" t="s">
        <v>130</v>
      </c>
      <c r="I47" s="1" t="s">
        <v>471</v>
      </c>
      <c r="J47" s="1" t="s">
        <v>338</v>
      </c>
      <c r="K47" s="1" t="s">
        <v>376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127</v>
      </c>
      <c r="R47" s="1" t="s">
        <v>61</v>
      </c>
      <c r="S47" s="1" t="s">
        <v>144</v>
      </c>
      <c r="T47" s="1" t="s">
        <v>42</v>
      </c>
      <c r="U47" s="1">
        <v>9.9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7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17</v>
      </c>
      <c r="B48" s="2">
        <v>0.39930555555555558</v>
      </c>
      <c r="C48" s="1" t="s">
        <v>704</v>
      </c>
      <c r="D48" s="1" t="s">
        <v>64</v>
      </c>
      <c r="E48" s="1" t="s">
        <v>28</v>
      </c>
      <c r="F48" s="1" t="s">
        <v>344</v>
      </c>
      <c r="G48" s="1" t="s">
        <v>472</v>
      </c>
      <c r="I48" s="1" t="s">
        <v>473</v>
      </c>
      <c r="J48" s="1" t="s">
        <v>338</v>
      </c>
      <c r="K48" s="1" t="s">
        <v>376</v>
      </c>
      <c r="L48" s="1" t="s">
        <v>35</v>
      </c>
      <c r="N48" s="1" t="s">
        <v>36</v>
      </c>
      <c r="O48" s="1" t="s">
        <v>37</v>
      </c>
      <c r="P48" s="1" t="s">
        <v>38</v>
      </c>
      <c r="Q48" s="1" t="s">
        <v>77</v>
      </c>
      <c r="R48" s="1" t="s">
        <v>40</v>
      </c>
      <c r="S48" s="1" t="s">
        <v>111</v>
      </c>
      <c r="T48" s="1" t="s">
        <v>42</v>
      </c>
      <c r="U48" s="1">
        <v>9.4</v>
      </c>
      <c r="V48" s="3">
        <v>2300</v>
      </c>
      <c r="W48" s="1"/>
      <c r="X48" s="1">
        <v>0.99</v>
      </c>
      <c r="Y48" s="1">
        <v>9.5000000000000001E-2</v>
      </c>
      <c r="Z48" s="1" t="s">
        <v>724</v>
      </c>
      <c r="AC48" s="1" t="s">
        <v>722</v>
      </c>
      <c r="AD48" s="1" t="s">
        <v>723</v>
      </c>
      <c r="AE48" s="1" t="s">
        <v>724</v>
      </c>
      <c r="AF48" s="1" t="s">
        <v>725</v>
      </c>
      <c r="AG48" s="1" t="s">
        <v>724</v>
      </c>
      <c r="AH48" s="1" t="s">
        <v>724</v>
      </c>
      <c r="AI48" s="1"/>
      <c r="AJ48" s="1"/>
      <c r="AK48" s="1"/>
      <c r="AL48" s="1" t="s">
        <v>727</v>
      </c>
      <c r="AM48" s="1"/>
      <c r="AN48" s="1"/>
      <c r="AO48" s="1"/>
      <c r="AP48" t="s">
        <v>727</v>
      </c>
      <c r="AQ48" s="1"/>
      <c r="AR48" s="1" t="s">
        <v>727</v>
      </c>
      <c r="AS48" s="1" t="s">
        <v>727</v>
      </c>
      <c r="AT48" s="1"/>
      <c r="AU48" s="1" t="s">
        <v>724</v>
      </c>
      <c r="AV48" s="1" t="s">
        <v>722</v>
      </c>
      <c r="AW48" s="1" t="s">
        <v>722</v>
      </c>
      <c r="AX48" s="1"/>
      <c r="AY48" s="1"/>
      <c r="AZ48" s="1"/>
      <c r="BA48" s="1"/>
      <c r="BB48" s="1" t="s">
        <v>734</v>
      </c>
      <c r="BC48" s="1">
        <v>0.83</v>
      </c>
      <c r="BD48" s="1">
        <v>0.88</v>
      </c>
      <c r="BF48" s="1"/>
      <c r="BG48" s="1"/>
      <c r="BH48" s="1"/>
      <c r="BI48" s="1"/>
      <c r="BJ48" s="1"/>
      <c r="BK48" s="1"/>
      <c r="BL48" s="1"/>
      <c r="BM48" s="1" t="s">
        <v>739</v>
      </c>
      <c r="BN48" s="1">
        <v>0.08</v>
      </c>
      <c r="BO48" s="1">
        <v>17</v>
      </c>
      <c r="BP48" s="1">
        <v>4.9000000000000004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25</v>
      </c>
      <c r="C49" s="1" t="s">
        <v>704</v>
      </c>
      <c r="D49" s="1" t="s">
        <v>64</v>
      </c>
      <c r="E49" s="1" t="s">
        <v>28</v>
      </c>
      <c r="F49" s="1" t="s">
        <v>92</v>
      </c>
      <c r="G49" s="1" t="s">
        <v>474</v>
      </c>
      <c r="I49" s="1" t="s">
        <v>475</v>
      </c>
      <c r="J49" s="1" t="s">
        <v>338</v>
      </c>
      <c r="K49" s="1" t="s">
        <v>376</v>
      </c>
      <c r="L49" s="1" t="s">
        <v>476</v>
      </c>
      <c r="N49" s="1" t="s">
        <v>36</v>
      </c>
      <c r="O49" s="1" t="s">
        <v>277</v>
      </c>
      <c r="P49" s="1" t="s">
        <v>38</v>
      </c>
      <c r="Q49" s="1" t="s">
        <v>256</v>
      </c>
      <c r="R49" s="1" t="s">
        <v>96</v>
      </c>
      <c r="S49" s="1" t="s">
        <v>291</v>
      </c>
      <c r="T49" s="1" t="s">
        <v>284</v>
      </c>
      <c r="U49" s="1">
        <v>9.1999999999999993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17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86458333333333337</v>
      </c>
      <c r="C50" s="1" t="s">
        <v>704</v>
      </c>
      <c r="D50" s="1" t="s">
        <v>64</v>
      </c>
      <c r="E50" s="1" t="s">
        <v>28</v>
      </c>
      <c r="F50" s="1" t="s">
        <v>447</v>
      </c>
      <c r="G50" s="1" t="s">
        <v>477</v>
      </c>
      <c r="I50" s="1" t="s">
        <v>478</v>
      </c>
      <c r="J50" s="1" t="s">
        <v>338</v>
      </c>
      <c r="K50" s="1" t="s">
        <v>376</v>
      </c>
      <c r="L50" s="1" t="s">
        <v>35</v>
      </c>
      <c r="N50" s="1" t="s">
        <v>36</v>
      </c>
      <c r="O50" s="1" t="s">
        <v>37</v>
      </c>
      <c r="P50" s="1" t="s">
        <v>38</v>
      </c>
      <c r="Q50" s="1" t="s">
        <v>39</v>
      </c>
      <c r="R50" s="1" t="s">
        <v>40</v>
      </c>
      <c r="S50" s="1" t="s">
        <v>291</v>
      </c>
      <c r="T50" s="1" t="s">
        <v>303</v>
      </c>
      <c r="U50" s="1">
        <v>8.9</v>
      </c>
      <c r="V50" s="1"/>
      <c r="W50" s="1"/>
      <c r="X50" s="1">
        <v>1.1000000000000001</v>
      </c>
      <c r="Y50" s="1">
        <v>0.1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18</v>
      </c>
      <c r="BP50" s="1">
        <v>7.2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72</v>
      </c>
      <c r="B51" s="2">
        <v>0.11805555555555557</v>
      </c>
      <c r="C51" s="1" t="s">
        <v>704</v>
      </c>
      <c r="D51" s="1" t="s">
        <v>195</v>
      </c>
      <c r="E51" s="1" t="s">
        <v>28</v>
      </c>
      <c r="F51" s="1" t="s">
        <v>334</v>
      </c>
      <c r="G51" s="1" t="s">
        <v>479</v>
      </c>
      <c r="I51" s="1" t="s">
        <v>480</v>
      </c>
      <c r="J51" s="1" t="s">
        <v>338</v>
      </c>
      <c r="K51" s="1" t="s">
        <v>376</v>
      </c>
      <c r="L51" s="1" t="s">
        <v>35</v>
      </c>
      <c r="N51" s="1" t="s">
        <v>36</v>
      </c>
      <c r="O51" s="1" t="s">
        <v>37</v>
      </c>
      <c r="P51" s="1" t="s">
        <v>38</v>
      </c>
      <c r="Q51" s="1" t="s">
        <v>39</v>
      </c>
      <c r="R51" s="1" t="s">
        <v>96</v>
      </c>
      <c r="S51" s="1" t="s">
        <v>278</v>
      </c>
      <c r="T51" s="1" t="s">
        <v>303</v>
      </c>
      <c r="U51" s="1">
        <v>9.6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5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2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93</v>
      </c>
      <c r="C1" s="1" t="s">
        <v>1</v>
      </c>
      <c r="D1" s="1" t="s">
        <v>713</v>
      </c>
      <c r="E1" s="1" t="s">
        <v>2</v>
      </c>
      <c r="F1" s="1" t="s">
        <v>714</v>
      </c>
      <c r="G1" s="1" t="s">
        <v>3</v>
      </c>
      <c r="H1" s="1" t="s">
        <v>71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7</v>
      </c>
      <c r="AB2" s="1" t="s">
        <v>751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48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94</v>
      </c>
      <c r="B4" s="2">
        <v>0.42222222222222222</v>
      </c>
      <c r="C4" s="1" t="s">
        <v>704</v>
      </c>
      <c r="D4" s="1" t="s">
        <v>195</v>
      </c>
      <c r="F4" s="1" t="s">
        <v>481</v>
      </c>
      <c r="G4" s="1" t="s">
        <v>482</v>
      </c>
      <c r="I4" s="1" t="s">
        <v>483</v>
      </c>
      <c r="J4" s="1" t="s">
        <v>216</v>
      </c>
      <c r="K4" s="1" t="s">
        <v>220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69</v>
      </c>
      <c r="R4" s="1" t="s">
        <v>52</v>
      </c>
      <c r="S4" s="1" t="s">
        <v>111</v>
      </c>
      <c r="T4" s="1" t="s">
        <v>155</v>
      </c>
      <c r="U4" s="1">
        <v>9.9</v>
      </c>
      <c r="V4" s="3">
        <v>7000</v>
      </c>
      <c r="W4" s="1"/>
      <c r="X4" s="1">
        <v>1</v>
      </c>
      <c r="Y4" s="1">
        <v>0.1</v>
      </c>
      <c r="Z4" s="1">
        <v>4.4000000000000003E-3</v>
      </c>
      <c r="AA4" s="1"/>
      <c r="AB4" s="1"/>
      <c r="AC4" s="1" t="s">
        <v>722</v>
      </c>
      <c r="AD4" s="1" t="s">
        <v>723</v>
      </c>
      <c r="AE4" s="1" t="s">
        <v>724</v>
      </c>
      <c r="AF4" s="1" t="s">
        <v>725</v>
      </c>
      <c r="AG4" s="1" t="s">
        <v>724</v>
      </c>
      <c r="AH4" s="1" t="s">
        <v>724</v>
      </c>
      <c r="AI4" s="1"/>
      <c r="AJ4" s="1"/>
      <c r="AK4" s="1"/>
      <c r="AL4" s="1" t="s">
        <v>727</v>
      </c>
      <c r="AM4" s="1"/>
      <c r="AN4" s="1"/>
      <c r="AO4" s="1"/>
      <c r="AP4" t="s">
        <v>727</v>
      </c>
      <c r="AQ4" s="1"/>
      <c r="AR4" s="1" t="s">
        <v>727</v>
      </c>
      <c r="AS4" s="1" t="s">
        <v>727</v>
      </c>
      <c r="AT4" s="1"/>
      <c r="AU4" s="1"/>
      <c r="AV4" s="1"/>
      <c r="AW4" s="1"/>
      <c r="AX4" s="1"/>
      <c r="AY4" s="1"/>
      <c r="AZ4" s="1" t="s">
        <v>732</v>
      </c>
      <c r="BA4" s="1">
        <v>1.4E-2</v>
      </c>
      <c r="BB4" s="1" t="s">
        <v>734</v>
      </c>
      <c r="BC4" s="1">
        <v>0.87</v>
      </c>
      <c r="BD4" s="1">
        <v>0.92</v>
      </c>
      <c r="BE4" s="1"/>
      <c r="BF4" s="1" t="s">
        <v>733</v>
      </c>
      <c r="BG4" s="1">
        <v>1.6999999999999999E-3</v>
      </c>
      <c r="BH4" s="1" t="s">
        <v>725</v>
      </c>
      <c r="BI4" s="1" t="s">
        <v>723</v>
      </c>
      <c r="BJ4" s="1"/>
      <c r="BK4" s="1"/>
      <c r="BL4" s="1"/>
      <c r="BM4" s="1" t="s">
        <v>739</v>
      </c>
      <c r="BN4" s="1">
        <v>8.8999999999999996E-2</v>
      </c>
      <c r="BO4" s="1">
        <v>17</v>
      </c>
      <c r="BP4" s="1">
        <v>5.0999999999999996</v>
      </c>
      <c r="BQ4" s="1"/>
      <c r="BR4" s="1" t="s">
        <v>74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3888888888888895</v>
      </c>
      <c r="C5" s="1" t="s">
        <v>704</v>
      </c>
      <c r="D5" s="1" t="s">
        <v>64</v>
      </c>
      <c r="F5" s="1" t="s">
        <v>177</v>
      </c>
      <c r="G5" s="1" t="s">
        <v>198</v>
      </c>
      <c r="I5" s="1" t="s">
        <v>484</v>
      </c>
      <c r="J5" s="1" t="s">
        <v>211</v>
      </c>
      <c r="K5" s="1" t="s">
        <v>212</v>
      </c>
      <c r="L5" s="1" t="s">
        <v>485</v>
      </c>
      <c r="N5" s="1" t="s">
        <v>36</v>
      </c>
      <c r="O5" s="1" t="s">
        <v>37</v>
      </c>
      <c r="P5" s="1" t="s">
        <v>38</v>
      </c>
      <c r="Q5" s="1" t="s">
        <v>60</v>
      </c>
      <c r="R5" s="1" t="s">
        <v>135</v>
      </c>
      <c r="S5" s="1" t="s">
        <v>399</v>
      </c>
      <c r="T5" s="1" t="s">
        <v>303</v>
      </c>
      <c r="U5" s="1">
        <v>9.6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8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87847222222222221</v>
      </c>
      <c r="C6" s="1" t="s">
        <v>704</v>
      </c>
      <c r="D6" s="1" t="s">
        <v>64</v>
      </c>
      <c r="F6" s="1" t="s">
        <v>147</v>
      </c>
      <c r="G6" s="1" t="s">
        <v>198</v>
      </c>
      <c r="I6" s="1" t="s">
        <v>486</v>
      </c>
      <c r="J6" s="1" t="s">
        <v>211</v>
      </c>
      <c r="K6" s="1" t="s">
        <v>228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69</v>
      </c>
      <c r="R6" s="1" t="s">
        <v>41</v>
      </c>
      <c r="S6" s="1" t="s">
        <v>150</v>
      </c>
      <c r="T6" s="1" t="s">
        <v>128</v>
      </c>
      <c r="U6" s="1">
        <v>9.1</v>
      </c>
      <c r="V6" s="1"/>
      <c r="W6" s="1"/>
      <c r="X6" s="1">
        <v>1</v>
      </c>
      <c r="Y6" s="1">
        <v>9.5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6</v>
      </c>
      <c r="BP6" s="1">
        <v>4.9000000000000004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03</v>
      </c>
      <c r="B7" s="2">
        <v>0.125</v>
      </c>
      <c r="C7" s="1" t="s">
        <v>704</v>
      </c>
      <c r="D7" s="1" t="s">
        <v>64</v>
      </c>
      <c r="F7" s="1" t="s">
        <v>327</v>
      </c>
      <c r="G7" s="1" t="s">
        <v>332</v>
      </c>
      <c r="I7" s="1" t="s">
        <v>487</v>
      </c>
      <c r="J7" s="1" t="s">
        <v>216</v>
      </c>
      <c r="K7" s="1" t="s">
        <v>267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69</v>
      </c>
      <c r="R7" s="1" t="s">
        <v>70</v>
      </c>
      <c r="S7" s="1" t="s">
        <v>116</v>
      </c>
      <c r="T7" s="1" t="s">
        <v>128</v>
      </c>
      <c r="U7" s="1">
        <v>7.5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07</v>
      </c>
      <c r="B8" s="2">
        <v>0.40972222222222227</v>
      </c>
      <c r="C8" s="1" t="s">
        <v>704</v>
      </c>
      <c r="D8" s="1" t="s">
        <v>27</v>
      </c>
      <c r="E8" s="1" t="s">
        <v>28</v>
      </c>
      <c r="F8" s="1" t="s">
        <v>380</v>
      </c>
      <c r="G8" s="1" t="s">
        <v>29</v>
      </c>
      <c r="I8" s="1" t="s">
        <v>488</v>
      </c>
      <c r="J8" s="1" t="s">
        <v>87</v>
      </c>
      <c r="K8" s="1" t="s">
        <v>489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77</v>
      </c>
      <c r="R8" s="1" t="s">
        <v>61</v>
      </c>
      <c r="S8" s="1" t="s">
        <v>103</v>
      </c>
      <c r="T8" s="1" t="s">
        <v>155</v>
      </c>
      <c r="U8" s="1">
        <v>8.9</v>
      </c>
      <c r="V8" s="3">
        <v>4900</v>
      </c>
      <c r="W8" s="1"/>
      <c r="X8" s="1">
        <v>0.72</v>
      </c>
      <c r="Y8" s="1">
        <v>6.7000000000000004E-2</v>
      </c>
      <c r="Z8" s="1">
        <v>1E-3</v>
      </c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/>
      <c r="AL8" s="1" t="s">
        <v>727</v>
      </c>
      <c r="AM8" s="1"/>
      <c r="AN8" s="1"/>
      <c r="AO8" s="1"/>
      <c r="AP8" t="s">
        <v>727</v>
      </c>
      <c r="AQ8" s="1"/>
      <c r="AR8" s="1" t="s">
        <v>727</v>
      </c>
      <c r="AS8" s="1" t="s">
        <v>727</v>
      </c>
      <c r="AT8" s="1"/>
      <c r="AU8" s="1"/>
      <c r="AV8" s="1"/>
      <c r="AW8" s="1"/>
      <c r="AX8" s="1"/>
      <c r="AY8" s="1"/>
      <c r="AZ8" s="1"/>
      <c r="BA8" s="1"/>
      <c r="BB8" s="1" t="s">
        <v>734</v>
      </c>
      <c r="BC8" s="1">
        <v>0.66</v>
      </c>
      <c r="BD8" s="1">
        <v>0.71</v>
      </c>
      <c r="BE8" s="1"/>
      <c r="BF8" s="1"/>
      <c r="BG8" s="1"/>
      <c r="BH8" s="1"/>
      <c r="BI8" s="1"/>
      <c r="BJ8" s="1"/>
      <c r="BK8" s="1"/>
      <c r="BL8" s="1"/>
      <c r="BM8" s="1" t="s">
        <v>739</v>
      </c>
      <c r="BN8" s="1">
        <v>5.2999999999999999E-2</v>
      </c>
      <c r="BO8" s="1">
        <v>14</v>
      </c>
      <c r="BP8" s="1">
        <v>3.6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2847222222222221</v>
      </c>
      <c r="C9" s="1" t="s">
        <v>704</v>
      </c>
      <c r="D9" s="1" t="s">
        <v>27</v>
      </c>
      <c r="E9" s="1" t="s">
        <v>28</v>
      </c>
      <c r="F9" s="1" t="s">
        <v>490</v>
      </c>
      <c r="G9" s="1" t="s">
        <v>491</v>
      </c>
      <c r="I9" s="1" t="s">
        <v>492</v>
      </c>
      <c r="J9" s="1" t="s">
        <v>232</v>
      </c>
      <c r="K9" s="1" t="s">
        <v>233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60</v>
      </c>
      <c r="R9" s="1" t="s">
        <v>40</v>
      </c>
      <c r="S9" s="1" t="s">
        <v>116</v>
      </c>
      <c r="T9" s="1" t="s">
        <v>155</v>
      </c>
      <c r="U9" s="1">
        <v>8.3000000000000007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88194444444444453</v>
      </c>
      <c r="C10" s="1" t="s">
        <v>704</v>
      </c>
      <c r="D10" s="1" t="s">
        <v>27</v>
      </c>
      <c r="E10" s="1" t="s">
        <v>28</v>
      </c>
      <c r="F10" s="1" t="s">
        <v>123</v>
      </c>
      <c r="G10" s="1" t="s">
        <v>390</v>
      </c>
      <c r="I10" s="1" t="s">
        <v>493</v>
      </c>
      <c r="J10" s="1" t="s">
        <v>87</v>
      </c>
      <c r="K10" s="1" t="s">
        <v>88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40</v>
      </c>
      <c r="S10" s="1" t="s">
        <v>116</v>
      </c>
      <c r="T10" s="1" t="s">
        <v>128</v>
      </c>
      <c r="U10" s="1">
        <v>8.6</v>
      </c>
      <c r="V10" s="1"/>
      <c r="W10" s="1"/>
      <c r="X10" s="1">
        <v>0.78</v>
      </c>
      <c r="Y10" s="1">
        <v>7.3999999999999996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4</v>
      </c>
      <c r="BP10" s="1">
        <v>3.8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21</v>
      </c>
      <c r="B11" s="2">
        <v>0.12847222222222224</v>
      </c>
      <c r="C11" s="1" t="s">
        <v>704</v>
      </c>
      <c r="D11" s="1" t="s">
        <v>27</v>
      </c>
      <c r="E11" s="1" t="s">
        <v>28</v>
      </c>
      <c r="F11" s="1" t="s">
        <v>386</v>
      </c>
      <c r="G11" s="1" t="s">
        <v>185</v>
      </c>
      <c r="I11" s="1" t="s">
        <v>494</v>
      </c>
      <c r="J11" s="1" t="s">
        <v>87</v>
      </c>
      <c r="K11" s="1" t="s">
        <v>115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39</v>
      </c>
      <c r="R11" s="1" t="s">
        <v>40</v>
      </c>
      <c r="S11" s="1" t="s">
        <v>167</v>
      </c>
      <c r="T11" s="1" t="s">
        <v>128</v>
      </c>
      <c r="U11" s="1">
        <v>8.5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4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25</v>
      </c>
      <c r="B12" s="2">
        <v>0.4375</v>
      </c>
      <c r="C12" s="1" t="s">
        <v>704</v>
      </c>
      <c r="D12" s="1" t="s">
        <v>195</v>
      </c>
      <c r="E12" s="1" t="s">
        <v>28</v>
      </c>
      <c r="F12" s="1" t="s">
        <v>73</v>
      </c>
      <c r="G12" s="1" t="s">
        <v>306</v>
      </c>
      <c r="I12" s="1" t="s">
        <v>495</v>
      </c>
      <c r="J12" s="1" t="s">
        <v>211</v>
      </c>
      <c r="K12" s="1" t="s">
        <v>496</v>
      </c>
      <c r="L12" s="1" t="s">
        <v>35</v>
      </c>
      <c r="N12" s="1" t="s">
        <v>36</v>
      </c>
      <c r="O12" s="1" t="s">
        <v>235</v>
      </c>
      <c r="P12" s="1" t="s">
        <v>38</v>
      </c>
      <c r="Q12" s="1" t="s">
        <v>60</v>
      </c>
      <c r="R12" s="1" t="s">
        <v>70</v>
      </c>
      <c r="S12" s="1" t="s">
        <v>346</v>
      </c>
      <c r="T12" s="1" t="s">
        <v>197</v>
      </c>
      <c r="U12" s="1">
        <v>8.8000000000000007</v>
      </c>
      <c r="V12" s="3">
        <v>13000</v>
      </c>
      <c r="W12" s="1"/>
      <c r="X12" s="1">
        <v>0.85</v>
      </c>
      <c r="Y12" s="1">
        <v>0.09</v>
      </c>
      <c r="Z12" s="1">
        <v>2.7E-2</v>
      </c>
      <c r="AA12" s="1"/>
      <c r="AB12" s="1"/>
      <c r="AC12" s="1" t="s">
        <v>722</v>
      </c>
      <c r="AD12" s="1" t="s">
        <v>723</v>
      </c>
      <c r="AE12" s="1" t="s">
        <v>724</v>
      </c>
      <c r="AF12" s="1" t="s">
        <v>725</v>
      </c>
      <c r="AG12" s="1" t="s">
        <v>724</v>
      </c>
      <c r="AH12" s="1" t="s">
        <v>724</v>
      </c>
      <c r="AI12" s="1"/>
      <c r="AJ12" s="1"/>
      <c r="AK12" s="1"/>
      <c r="AL12" s="1" t="s">
        <v>727</v>
      </c>
      <c r="AM12" s="1"/>
      <c r="AN12" s="1"/>
      <c r="AO12" s="1"/>
      <c r="AP12" t="s">
        <v>727</v>
      </c>
      <c r="AQ12" s="1"/>
      <c r="AR12" s="1" t="s">
        <v>727</v>
      </c>
      <c r="AS12" s="1" t="s">
        <v>727</v>
      </c>
      <c r="AT12" s="1"/>
      <c r="AU12" s="1"/>
      <c r="AV12" s="1"/>
      <c r="AW12" s="1"/>
      <c r="AX12" s="1"/>
      <c r="AY12" s="1"/>
      <c r="AZ12" s="1" t="s">
        <v>732</v>
      </c>
      <c r="BA12" s="1">
        <v>1.6E-2</v>
      </c>
      <c r="BB12" s="1" t="s">
        <v>734</v>
      </c>
      <c r="BC12" s="1">
        <v>0.65</v>
      </c>
      <c r="BD12" s="1">
        <v>0.7</v>
      </c>
      <c r="BE12" s="1"/>
      <c r="BF12" s="1" t="s">
        <v>733</v>
      </c>
      <c r="BG12" s="1">
        <v>3.8999999999999998E-3</v>
      </c>
      <c r="BH12" s="1" t="s">
        <v>725</v>
      </c>
      <c r="BI12" s="1" t="s">
        <v>723</v>
      </c>
      <c r="BJ12" s="1"/>
      <c r="BK12" s="1"/>
      <c r="BL12" s="1"/>
      <c r="BM12" s="1">
        <v>0.06</v>
      </c>
      <c r="BN12" s="1">
        <v>6.2E-2</v>
      </c>
      <c r="BO12" s="1">
        <v>16</v>
      </c>
      <c r="BP12" s="1">
        <v>4.7</v>
      </c>
      <c r="BQ12" s="1"/>
      <c r="BR12" s="1" t="s">
        <v>74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25</v>
      </c>
      <c r="C13" s="1" t="s">
        <v>704</v>
      </c>
      <c r="D13" s="1" t="s">
        <v>195</v>
      </c>
      <c r="E13" s="1" t="s">
        <v>28</v>
      </c>
      <c r="F13" s="1" t="s">
        <v>230</v>
      </c>
      <c r="G13" s="1" t="s">
        <v>139</v>
      </c>
      <c r="I13" s="1" t="s">
        <v>497</v>
      </c>
      <c r="J13" s="1" t="s">
        <v>87</v>
      </c>
      <c r="K13" s="1" t="s">
        <v>489</v>
      </c>
      <c r="L13" s="1" t="s">
        <v>498</v>
      </c>
      <c r="N13" s="1" t="s">
        <v>36</v>
      </c>
      <c r="O13" s="1" t="s">
        <v>277</v>
      </c>
      <c r="P13" s="1" t="s">
        <v>38</v>
      </c>
      <c r="Q13" s="1" t="s">
        <v>149</v>
      </c>
      <c r="R13" s="1" t="s">
        <v>111</v>
      </c>
      <c r="S13" s="1" t="s">
        <v>261</v>
      </c>
      <c r="T13" s="1" t="s">
        <v>159</v>
      </c>
      <c r="U13" s="1">
        <v>8.800000000000000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88194444444444453</v>
      </c>
      <c r="C14" s="1" t="s">
        <v>704</v>
      </c>
      <c r="D14" s="1" t="s">
        <v>195</v>
      </c>
      <c r="E14" s="1" t="s">
        <v>28</v>
      </c>
      <c r="F14" s="1" t="s">
        <v>139</v>
      </c>
      <c r="G14" s="1" t="s">
        <v>306</v>
      </c>
      <c r="I14" s="1" t="s">
        <v>499</v>
      </c>
      <c r="J14" s="1" t="s">
        <v>87</v>
      </c>
      <c r="K14" s="1" t="s">
        <v>296</v>
      </c>
      <c r="L14" s="1" t="s">
        <v>500</v>
      </c>
      <c r="N14" s="1" t="s">
        <v>36</v>
      </c>
      <c r="O14" s="1" t="s">
        <v>235</v>
      </c>
      <c r="P14" s="1" t="s">
        <v>38</v>
      </c>
      <c r="Q14" s="1" t="s">
        <v>127</v>
      </c>
      <c r="R14" s="1" t="s">
        <v>41</v>
      </c>
      <c r="S14" s="1" t="s">
        <v>501</v>
      </c>
      <c r="T14" s="1" t="s">
        <v>125</v>
      </c>
      <c r="U14" s="1">
        <v>8.4</v>
      </c>
      <c r="V14" s="1"/>
      <c r="W14" s="1"/>
      <c r="X14" s="1">
        <v>0.82</v>
      </c>
      <c r="Y14" s="1">
        <v>8.5000000000000006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>
        <v>3.9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5</v>
      </c>
      <c r="B15" s="2">
        <v>0.125</v>
      </c>
      <c r="C15" s="1" t="s">
        <v>704</v>
      </c>
      <c r="D15" s="1" t="s">
        <v>195</v>
      </c>
      <c r="E15" s="1" t="s">
        <v>28</v>
      </c>
      <c r="F15" s="1" t="s">
        <v>230</v>
      </c>
      <c r="G15" s="1" t="s">
        <v>389</v>
      </c>
      <c r="I15" s="1" t="s">
        <v>502</v>
      </c>
      <c r="J15" s="1" t="s">
        <v>108</v>
      </c>
      <c r="K15" s="1" t="s">
        <v>283</v>
      </c>
      <c r="L15" s="1" t="s">
        <v>369</v>
      </c>
      <c r="N15" s="1" t="s">
        <v>36</v>
      </c>
      <c r="O15" s="1" t="s">
        <v>235</v>
      </c>
      <c r="P15" s="1" t="s">
        <v>38</v>
      </c>
      <c r="Q15" s="1" t="s">
        <v>127</v>
      </c>
      <c r="R15" s="1" t="s">
        <v>144</v>
      </c>
      <c r="S15" s="1" t="s">
        <v>501</v>
      </c>
      <c r="T15" s="1" t="s">
        <v>503</v>
      </c>
      <c r="U15" s="1">
        <v>8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63</v>
      </c>
      <c r="B16" s="2">
        <v>0.40972222222222227</v>
      </c>
      <c r="C16" s="1" t="s">
        <v>704</v>
      </c>
      <c r="D16" s="1" t="s">
        <v>64</v>
      </c>
      <c r="E16" s="1" t="s">
        <v>28</v>
      </c>
      <c r="F16" s="1" t="s">
        <v>258</v>
      </c>
      <c r="G16" s="1" t="s">
        <v>299</v>
      </c>
      <c r="I16" s="1" t="s">
        <v>504</v>
      </c>
      <c r="J16" s="1" t="s">
        <v>216</v>
      </c>
      <c r="K16" s="1" t="s">
        <v>267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50</v>
      </c>
      <c r="R16" s="1" t="s">
        <v>40</v>
      </c>
      <c r="S16" s="1" t="s">
        <v>167</v>
      </c>
      <c r="T16" s="1" t="s">
        <v>155</v>
      </c>
      <c r="U16" s="1">
        <v>8.1999999999999993</v>
      </c>
      <c r="V16" s="3">
        <v>33000</v>
      </c>
      <c r="W16" s="1"/>
      <c r="X16" s="1">
        <v>0.77</v>
      </c>
      <c r="Y16" s="1">
        <v>0.1</v>
      </c>
      <c r="Z16" s="1">
        <v>2.3999999999999998E-3</v>
      </c>
      <c r="AA16" s="1"/>
      <c r="AB16" s="1"/>
      <c r="AC16" s="1" t="s">
        <v>722</v>
      </c>
      <c r="AD16" s="1" t="s">
        <v>723</v>
      </c>
      <c r="AE16" s="1" t="s">
        <v>724</v>
      </c>
      <c r="AF16" s="1" t="s">
        <v>725</v>
      </c>
      <c r="AG16" s="1" t="s">
        <v>724</v>
      </c>
      <c r="AH16" s="1" t="s">
        <v>724</v>
      </c>
      <c r="AI16" s="1"/>
      <c r="AJ16" s="1"/>
      <c r="AK16" s="1"/>
      <c r="AL16" s="1" t="s">
        <v>727</v>
      </c>
      <c r="AM16" s="1"/>
      <c r="AN16" s="1"/>
      <c r="AO16" s="1"/>
      <c r="AP16" t="s">
        <v>727</v>
      </c>
      <c r="AQ16" s="1"/>
      <c r="AR16" s="1" t="s">
        <v>727</v>
      </c>
      <c r="AS16" s="1" t="s">
        <v>727</v>
      </c>
      <c r="AT16" s="1"/>
      <c r="AU16" s="1" t="s">
        <v>724</v>
      </c>
      <c r="AV16" s="1" t="s">
        <v>722</v>
      </c>
      <c r="AW16" s="1" t="s">
        <v>722</v>
      </c>
      <c r="AX16" s="1"/>
      <c r="AY16" s="1"/>
      <c r="AZ16" s="1"/>
      <c r="BA16" s="1"/>
      <c r="BB16" s="1" t="s">
        <v>734</v>
      </c>
      <c r="BC16" s="1">
        <v>0.64</v>
      </c>
      <c r="BD16" s="1">
        <v>0.69</v>
      </c>
      <c r="BE16" s="1"/>
      <c r="BF16" s="1"/>
      <c r="BG16" s="1"/>
      <c r="BH16" s="1"/>
      <c r="BI16" s="1"/>
      <c r="BJ16" s="1"/>
      <c r="BK16" s="1"/>
      <c r="BL16" s="1"/>
      <c r="BM16" s="1" t="s">
        <v>739</v>
      </c>
      <c r="BN16" s="1">
        <v>8.6999999999999994E-2</v>
      </c>
      <c r="BO16" s="1">
        <v>18</v>
      </c>
      <c r="BP16" s="1">
        <v>5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3194444444444442</v>
      </c>
      <c r="C17" s="1" t="s">
        <v>704</v>
      </c>
      <c r="D17" s="1" t="s">
        <v>64</v>
      </c>
      <c r="E17" s="1" t="s">
        <v>28</v>
      </c>
      <c r="F17" s="1" t="s">
        <v>422</v>
      </c>
      <c r="G17" s="1" t="s">
        <v>505</v>
      </c>
      <c r="I17" s="1" t="s">
        <v>405</v>
      </c>
      <c r="J17" s="1" t="s">
        <v>329</v>
      </c>
      <c r="K17" s="1" t="s">
        <v>76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256</v>
      </c>
      <c r="R17" s="1" t="s">
        <v>40</v>
      </c>
      <c r="S17" s="1" t="s">
        <v>278</v>
      </c>
      <c r="T17" s="1" t="s">
        <v>155</v>
      </c>
      <c r="U17" s="1">
        <v>7.8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8541666666666663</v>
      </c>
      <c r="C18" s="1" t="s">
        <v>704</v>
      </c>
      <c r="D18" s="1" t="s">
        <v>64</v>
      </c>
      <c r="E18" s="1" t="s">
        <v>28</v>
      </c>
      <c r="F18" s="1" t="s">
        <v>253</v>
      </c>
      <c r="G18" s="1" t="s">
        <v>506</v>
      </c>
      <c r="I18" s="1" t="s">
        <v>507</v>
      </c>
      <c r="J18" s="1" t="s">
        <v>94</v>
      </c>
      <c r="K18" s="1" t="s">
        <v>202</v>
      </c>
      <c r="L18" s="1" t="s">
        <v>508</v>
      </c>
      <c r="N18" s="1" t="s">
        <v>36</v>
      </c>
      <c r="O18" s="1" t="s">
        <v>235</v>
      </c>
      <c r="P18" s="1" t="s">
        <v>38</v>
      </c>
      <c r="Q18" s="1" t="s">
        <v>39</v>
      </c>
      <c r="R18" s="1" t="s">
        <v>78</v>
      </c>
      <c r="S18" s="1" t="s">
        <v>399</v>
      </c>
      <c r="T18" s="1" t="s">
        <v>182</v>
      </c>
      <c r="U18" s="1">
        <v>7.8</v>
      </c>
      <c r="V18" s="1"/>
      <c r="W18" s="1"/>
      <c r="X18" s="1">
        <v>0.98</v>
      </c>
      <c r="Y18" s="1">
        <v>9.8000000000000004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6</v>
      </c>
      <c r="BP18" s="1">
        <v>4.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63</v>
      </c>
      <c r="B19" s="2">
        <v>0.13194444444444445</v>
      </c>
      <c r="C19" s="1" t="s">
        <v>704</v>
      </c>
      <c r="D19" s="1" t="s">
        <v>64</v>
      </c>
      <c r="E19" s="1" t="s">
        <v>28</v>
      </c>
      <c r="F19" s="1" t="s">
        <v>509</v>
      </c>
      <c r="G19" s="1" t="s">
        <v>510</v>
      </c>
      <c r="I19" s="1" t="s">
        <v>511</v>
      </c>
      <c r="J19" s="1" t="s">
        <v>101</v>
      </c>
      <c r="K19" s="1" t="s">
        <v>102</v>
      </c>
      <c r="L19" s="1" t="s">
        <v>125</v>
      </c>
      <c r="N19" s="1" t="s">
        <v>249</v>
      </c>
      <c r="O19" s="1" t="s">
        <v>269</v>
      </c>
      <c r="P19" s="1" t="s">
        <v>38</v>
      </c>
      <c r="Q19" s="1" t="s">
        <v>127</v>
      </c>
      <c r="R19" s="1" t="s">
        <v>150</v>
      </c>
      <c r="S19" s="1" t="s">
        <v>107</v>
      </c>
      <c r="T19" s="1" t="s">
        <v>271</v>
      </c>
      <c r="U19" s="1">
        <v>8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2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272</v>
      </c>
      <c r="B20" s="2">
        <v>0.41666666666666669</v>
      </c>
      <c r="C20" s="1" t="s">
        <v>704</v>
      </c>
      <c r="D20" s="1" t="s">
        <v>27</v>
      </c>
      <c r="E20" s="1" t="s">
        <v>28</v>
      </c>
      <c r="F20" s="1" t="s">
        <v>512</v>
      </c>
      <c r="G20" s="1" t="s">
        <v>264</v>
      </c>
      <c r="I20" s="1" t="s">
        <v>513</v>
      </c>
      <c r="J20" s="1" t="s">
        <v>211</v>
      </c>
      <c r="K20" s="1" t="s">
        <v>514</v>
      </c>
      <c r="L20" s="1" t="s">
        <v>515</v>
      </c>
      <c r="N20" s="1" t="s">
        <v>36</v>
      </c>
      <c r="O20" s="1" t="s">
        <v>277</v>
      </c>
      <c r="P20" s="1" t="s">
        <v>38</v>
      </c>
      <c r="Q20" s="1" t="s">
        <v>127</v>
      </c>
      <c r="R20" s="1" t="s">
        <v>257</v>
      </c>
      <c r="S20" s="1" t="s">
        <v>291</v>
      </c>
      <c r="T20" s="1" t="s">
        <v>279</v>
      </c>
      <c r="U20" s="1">
        <v>8</v>
      </c>
      <c r="V20" s="3">
        <v>3300</v>
      </c>
      <c r="W20" s="1" t="s">
        <v>728</v>
      </c>
      <c r="X20" s="1">
        <v>0.66</v>
      </c>
      <c r="Y20" s="1">
        <v>0.06</v>
      </c>
      <c r="Z20" s="1">
        <v>2.3999999999999998E-3</v>
      </c>
      <c r="AA20" s="1" t="s">
        <v>755</v>
      </c>
      <c r="AB20" s="1" t="s">
        <v>760</v>
      </c>
      <c r="AC20" s="1" t="s">
        <v>722</v>
      </c>
      <c r="AD20" s="1" t="s">
        <v>723</v>
      </c>
      <c r="AE20" s="1" t="s">
        <v>724</v>
      </c>
      <c r="AF20" s="1" t="s">
        <v>725</v>
      </c>
      <c r="AG20" s="1" t="s">
        <v>724</v>
      </c>
      <c r="AH20" s="1" t="s">
        <v>724</v>
      </c>
      <c r="AI20" s="1"/>
      <c r="AJ20" s="1" t="s">
        <v>724</v>
      </c>
      <c r="AK20" s="1" t="s">
        <v>727</v>
      </c>
      <c r="AL20" s="1" t="s">
        <v>727</v>
      </c>
      <c r="AM20" s="1" t="s">
        <v>727</v>
      </c>
      <c r="AN20" s="1" t="s">
        <v>727</v>
      </c>
      <c r="AO20" s="1" t="s">
        <v>727</v>
      </c>
      <c r="AP20" t="s">
        <v>727</v>
      </c>
      <c r="AQ20" s="1" t="s">
        <v>727</v>
      </c>
      <c r="AR20" s="1" t="s">
        <v>727</v>
      </c>
      <c r="AS20" s="1" t="s">
        <v>727</v>
      </c>
      <c r="AT20" s="1" t="s">
        <v>735</v>
      </c>
      <c r="AU20" s="1"/>
      <c r="AV20" s="1"/>
      <c r="AW20" s="1"/>
      <c r="AX20" s="1" t="s">
        <v>727</v>
      </c>
      <c r="AY20" s="1" t="s">
        <v>724</v>
      </c>
      <c r="AZ20" s="1" t="s">
        <v>732</v>
      </c>
      <c r="BA20" s="1">
        <v>1.0999999999999999E-2</v>
      </c>
      <c r="BB20" s="1" t="s">
        <v>734</v>
      </c>
      <c r="BC20" s="1">
        <v>0.55000000000000004</v>
      </c>
      <c r="BD20" s="1">
        <v>0.6</v>
      </c>
      <c r="BE20" s="1" t="s">
        <v>733</v>
      </c>
      <c r="BF20" s="1" t="s">
        <v>733</v>
      </c>
      <c r="BG20" s="1">
        <v>4.8999999999999998E-3</v>
      </c>
      <c r="BH20" s="1" t="s">
        <v>725</v>
      </c>
      <c r="BI20" s="1" t="s">
        <v>723</v>
      </c>
      <c r="BJ20" s="1" t="s">
        <v>733</v>
      </c>
      <c r="BK20" s="1" t="s">
        <v>724</v>
      </c>
      <c r="BL20" s="1" t="s">
        <v>740</v>
      </c>
      <c r="BM20" s="1" t="s">
        <v>739</v>
      </c>
      <c r="BN20" s="1">
        <v>5.8999999999999997E-2</v>
      </c>
      <c r="BO20" s="1">
        <v>14</v>
      </c>
      <c r="BP20" s="1">
        <v>3</v>
      </c>
      <c r="BQ20" s="1"/>
      <c r="BR20" s="1" t="s">
        <v>74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2152777777777779</v>
      </c>
      <c r="C21" s="1" t="s">
        <v>704</v>
      </c>
      <c r="D21" s="1" t="s">
        <v>27</v>
      </c>
      <c r="E21" s="1" t="s">
        <v>28</v>
      </c>
      <c r="F21" s="1" t="s">
        <v>516</v>
      </c>
      <c r="G21" s="1" t="s">
        <v>517</v>
      </c>
      <c r="I21" s="1" t="s">
        <v>518</v>
      </c>
      <c r="J21" s="1" t="s">
        <v>216</v>
      </c>
      <c r="K21" s="1" t="s">
        <v>217</v>
      </c>
      <c r="L21" s="1" t="s">
        <v>519</v>
      </c>
      <c r="N21" s="1" t="s">
        <v>36</v>
      </c>
      <c r="O21" s="1" t="s">
        <v>277</v>
      </c>
      <c r="P21" s="1" t="s">
        <v>38</v>
      </c>
      <c r="Q21" s="1" t="s">
        <v>50</v>
      </c>
      <c r="R21" s="1" t="s">
        <v>290</v>
      </c>
      <c r="S21" s="1" t="s">
        <v>520</v>
      </c>
      <c r="T21" s="1" t="s">
        <v>197</v>
      </c>
      <c r="U21" s="1">
        <v>7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4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8194444444444453</v>
      </c>
      <c r="C22" s="1" t="s">
        <v>704</v>
      </c>
      <c r="D22" s="1" t="s">
        <v>27</v>
      </c>
      <c r="E22" s="1" t="s">
        <v>28</v>
      </c>
      <c r="F22" s="1" t="s">
        <v>521</v>
      </c>
      <c r="G22" s="1" t="s">
        <v>318</v>
      </c>
      <c r="I22" s="1" t="s">
        <v>522</v>
      </c>
      <c r="J22" s="1" t="s">
        <v>216</v>
      </c>
      <c r="K22" s="1" t="s">
        <v>220</v>
      </c>
      <c r="L22" s="1" t="s">
        <v>523</v>
      </c>
      <c r="N22" s="1" t="s">
        <v>36</v>
      </c>
      <c r="O22" s="1" t="s">
        <v>277</v>
      </c>
      <c r="P22" s="1" t="s">
        <v>38</v>
      </c>
      <c r="Q22" s="1" t="s">
        <v>39</v>
      </c>
      <c r="R22" s="1" t="s">
        <v>290</v>
      </c>
      <c r="S22" s="1" t="s">
        <v>278</v>
      </c>
      <c r="T22" s="1" t="s">
        <v>303</v>
      </c>
      <c r="U22" s="1">
        <v>7.5</v>
      </c>
      <c r="V22" s="1"/>
      <c r="W22" s="1"/>
      <c r="X22" s="1">
        <v>0.69</v>
      </c>
      <c r="Y22" s="1">
        <v>6.4000000000000001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4</v>
      </c>
      <c r="BP22" s="1">
        <v>3.1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92</v>
      </c>
      <c r="B23" s="2">
        <v>0.13541666666666666</v>
      </c>
      <c r="C23" s="1" t="s">
        <v>704</v>
      </c>
      <c r="D23" s="1" t="s">
        <v>27</v>
      </c>
      <c r="E23" s="1" t="s">
        <v>28</v>
      </c>
      <c r="F23" s="1" t="s">
        <v>524</v>
      </c>
      <c r="G23" s="1" t="s">
        <v>44</v>
      </c>
      <c r="I23" s="1" t="s">
        <v>525</v>
      </c>
      <c r="J23" s="1" t="s">
        <v>216</v>
      </c>
      <c r="K23" s="1" t="s">
        <v>224</v>
      </c>
      <c r="L23" s="1" t="s">
        <v>498</v>
      </c>
      <c r="N23" s="1" t="s">
        <v>36</v>
      </c>
      <c r="O23" s="1" t="s">
        <v>277</v>
      </c>
      <c r="P23" s="1" t="s">
        <v>38</v>
      </c>
      <c r="Q23" s="1" t="s">
        <v>39</v>
      </c>
      <c r="R23" s="1" t="s">
        <v>78</v>
      </c>
      <c r="S23" s="1" t="s">
        <v>278</v>
      </c>
      <c r="T23" s="1" t="s">
        <v>279</v>
      </c>
      <c r="U23" s="1">
        <v>7.7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4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8</v>
      </c>
      <c r="B24" s="2">
        <v>0.40972222222222227</v>
      </c>
      <c r="C24" s="1" t="s">
        <v>704</v>
      </c>
      <c r="D24" s="1" t="s">
        <v>64</v>
      </c>
      <c r="E24" s="1" t="s">
        <v>28</v>
      </c>
      <c r="F24" s="1" t="s">
        <v>526</v>
      </c>
      <c r="G24" s="1" t="s">
        <v>426</v>
      </c>
      <c r="I24" s="1" t="s">
        <v>527</v>
      </c>
      <c r="J24" s="1" t="s">
        <v>87</v>
      </c>
      <c r="K24" s="1" t="s">
        <v>296</v>
      </c>
      <c r="L24" s="1" t="s">
        <v>500</v>
      </c>
      <c r="N24" s="1" t="s">
        <v>36</v>
      </c>
      <c r="O24" s="1" t="s">
        <v>235</v>
      </c>
      <c r="P24" s="1" t="s">
        <v>38</v>
      </c>
      <c r="Q24" s="1" t="s">
        <v>69</v>
      </c>
      <c r="R24" s="1" t="s">
        <v>52</v>
      </c>
      <c r="S24" s="1" t="s">
        <v>103</v>
      </c>
      <c r="T24" s="1" t="s">
        <v>128</v>
      </c>
      <c r="U24" s="1">
        <v>8.6</v>
      </c>
      <c r="V24" s="3">
        <v>13000</v>
      </c>
      <c r="W24" s="1"/>
      <c r="X24" s="1">
        <v>0.68</v>
      </c>
      <c r="Y24" s="1">
        <v>7.4999999999999997E-2</v>
      </c>
      <c r="Z24" s="1">
        <v>1E-3</v>
      </c>
      <c r="AA24" s="1"/>
      <c r="AB24" s="1"/>
      <c r="AC24" s="1" t="s">
        <v>722</v>
      </c>
      <c r="AD24" s="1" t="s">
        <v>723</v>
      </c>
      <c r="AE24" s="1" t="s">
        <v>724</v>
      </c>
      <c r="AF24" s="1" t="s">
        <v>725</v>
      </c>
      <c r="AG24" s="1" t="s">
        <v>724</v>
      </c>
      <c r="AH24" s="1" t="s">
        <v>724</v>
      </c>
      <c r="AI24" s="1"/>
      <c r="AJ24" s="1"/>
      <c r="AK24" s="1"/>
      <c r="AL24" s="1" t="s">
        <v>727</v>
      </c>
      <c r="AM24" s="1"/>
      <c r="AN24" s="1"/>
      <c r="AO24" s="1"/>
      <c r="AP24" t="s">
        <v>727</v>
      </c>
      <c r="AQ24" s="1"/>
      <c r="AR24" s="1" t="s">
        <v>727</v>
      </c>
      <c r="AS24" s="1" t="s">
        <v>727</v>
      </c>
      <c r="AT24" s="1"/>
      <c r="AU24" s="1"/>
      <c r="AV24" s="1"/>
      <c r="AW24" s="1"/>
      <c r="AX24" s="1"/>
      <c r="AY24" s="1"/>
      <c r="AZ24" s="1"/>
      <c r="BA24" s="1"/>
      <c r="BB24" s="1" t="s">
        <v>734</v>
      </c>
      <c r="BC24" s="1">
        <v>0.62</v>
      </c>
      <c r="BD24" s="1">
        <v>0.67</v>
      </c>
      <c r="BE24" s="1"/>
      <c r="BF24" s="1"/>
      <c r="BG24" s="1"/>
      <c r="BH24" s="1"/>
      <c r="BI24" s="1"/>
      <c r="BJ24" s="1"/>
      <c r="BK24" s="1"/>
      <c r="BL24" s="1"/>
      <c r="BM24" s="1" t="s">
        <v>739</v>
      </c>
      <c r="BN24" s="1">
        <v>0.06</v>
      </c>
      <c r="BO24" s="1">
        <v>13</v>
      </c>
      <c r="BP24" s="1">
        <v>3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3055555555555554</v>
      </c>
      <c r="C25" s="1" t="s">
        <v>704</v>
      </c>
      <c r="D25" s="1" t="s">
        <v>64</v>
      </c>
      <c r="E25" s="1" t="s">
        <v>28</v>
      </c>
      <c r="F25" s="1" t="s">
        <v>428</v>
      </c>
      <c r="G25" s="1" t="s">
        <v>164</v>
      </c>
      <c r="I25" s="1" t="s">
        <v>528</v>
      </c>
      <c r="J25" s="1" t="s">
        <v>108</v>
      </c>
      <c r="K25" s="1" t="s">
        <v>288</v>
      </c>
      <c r="L25" s="1" t="s">
        <v>529</v>
      </c>
      <c r="N25" s="1" t="s">
        <v>36</v>
      </c>
      <c r="O25" s="1" t="s">
        <v>310</v>
      </c>
      <c r="P25" s="1" t="s">
        <v>38</v>
      </c>
      <c r="Q25" s="1" t="s">
        <v>77</v>
      </c>
      <c r="R25" s="1" t="s">
        <v>52</v>
      </c>
      <c r="S25" s="1" t="s">
        <v>150</v>
      </c>
      <c r="T25" s="1" t="s">
        <v>303</v>
      </c>
      <c r="U25" s="1">
        <v>8.6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3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8541666666666663</v>
      </c>
      <c r="C26" s="1" t="s">
        <v>704</v>
      </c>
      <c r="D26" s="1" t="s">
        <v>64</v>
      </c>
      <c r="E26" s="1" t="s">
        <v>28</v>
      </c>
      <c r="F26" s="1" t="s">
        <v>139</v>
      </c>
      <c r="G26" s="1" t="s">
        <v>29</v>
      </c>
      <c r="I26" s="1" t="s">
        <v>530</v>
      </c>
      <c r="J26" s="1" t="s">
        <v>108</v>
      </c>
      <c r="K26" s="1" t="s">
        <v>531</v>
      </c>
      <c r="L26" s="1" t="s">
        <v>434</v>
      </c>
      <c r="N26" s="1" t="s">
        <v>36</v>
      </c>
      <c r="O26" s="1" t="s">
        <v>235</v>
      </c>
      <c r="P26" s="1" t="s">
        <v>38</v>
      </c>
      <c r="Q26" s="1" t="s">
        <v>39</v>
      </c>
      <c r="R26" s="1" t="s">
        <v>41</v>
      </c>
      <c r="S26" s="1" t="s">
        <v>103</v>
      </c>
      <c r="T26" s="1" t="s">
        <v>303</v>
      </c>
      <c r="U26" s="1">
        <v>7.9</v>
      </c>
      <c r="V26" s="1"/>
      <c r="W26" s="1"/>
      <c r="X26" s="1">
        <v>0.63</v>
      </c>
      <c r="Y26" s="1">
        <v>5.8000000000000003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3</v>
      </c>
      <c r="BP26" s="1">
        <v>2.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11</v>
      </c>
      <c r="B27" s="2">
        <v>0.13541666666666666</v>
      </c>
      <c r="C27" s="1" t="s">
        <v>704</v>
      </c>
      <c r="D27" s="1" t="s">
        <v>64</v>
      </c>
      <c r="E27" s="1" t="s">
        <v>28</v>
      </c>
      <c r="F27" s="1" t="s">
        <v>177</v>
      </c>
      <c r="G27" s="1" t="s">
        <v>237</v>
      </c>
      <c r="I27" s="1" t="s">
        <v>532</v>
      </c>
      <c r="J27" s="1" t="s">
        <v>108</v>
      </c>
      <c r="K27" s="1" t="s">
        <v>531</v>
      </c>
      <c r="L27" s="1" t="s">
        <v>500</v>
      </c>
      <c r="N27" s="1" t="s">
        <v>36</v>
      </c>
      <c r="O27" s="1" t="s">
        <v>235</v>
      </c>
      <c r="P27" s="1" t="s">
        <v>38</v>
      </c>
      <c r="Q27" s="1" t="s">
        <v>39</v>
      </c>
      <c r="R27" s="1" t="s">
        <v>96</v>
      </c>
      <c r="S27" s="1" t="s">
        <v>111</v>
      </c>
      <c r="T27" s="1" t="s">
        <v>155</v>
      </c>
      <c r="U27" s="1">
        <v>8.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15</v>
      </c>
      <c r="B28" s="2">
        <v>0.41319444444444442</v>
      </c>
      <c r="C28" s="1" t="s">
        <v>704</v>
      </c>
      <c r="D28" s="1" t="s">
        <v>27</v>
      </c>
      <c r="E28" s="1" t="s">
        <v>28</v>
      </c>
      <c r="F28" s="1" t="s">
        <v>506</v>
      </c>
      <c r="G28" s="1" t="s">
        <v>432</v>
      </c>
      <c r="I28" s="1" t="s">
        <v>533</v>
      </c>
      <c r="J28" s="1" t="s">
        <v>33</v>
      </c>
      <c r="K28" s="1" t="s">
        <v>534</v>
      </c>
      <c r="L28" s="1" t="s">
        <v>418</v>
      </c>
      <c r="N28" s="1" t="s">
        <v>36</v>
      </c>
      <c r="O28" s="1" t="s">
        <v>310</v>
      </c>
      <c r="P28" s="1" t="s">
        <v>38</v>
      </c>
      <c r="Q28" s="1" t="s">
        <v>69</v>
      </c>
      <c r="R28" s="1" t="s">
        <v>61</v>
      </c>
      <c r="S28" s="1" t="s">
        <v>144</v>
      </c>
      <c r="T28" s="1" t="s">
        <v>303</v>
      </c>
      <c r="U28" s="1">
        <v>8.3000000000000007</v>
      </c>
      <c r="V28" s="3">
        <v>7900</v>
      </c>
      <c r="W28" s="1"/>
      <c r="X28" s="1">
        <v>0.75</v>
      </c>
      <c r="Y28" s="1">
        <v>6.5000000000000002E-2</v>
      </c>
      <c r="Z28" s="1">
        <v>2E-3</v>
      </c>
      <c r="AC28" s="1" t="s">
        <v>722</v>
      </c>
      <c r="AD28" s="1" t="s">
        <v>723</v>
      </c>
      <c r="AE28" s="1" t="s">
        <v>724</v>
      </c>
      <c r="AF28" s="1" t="s">
        <v>725</v>
      </c>
      <c r="AG28" s="1" t="s">
        <v>724</v>
      </c>
      <c r="AH28" s="1" t="s">
        <v>724</v>
      </c>
      <c r="AI28" s="1"/>
      <c r="AJ28" s="1"/>
      <c r="AK28" s="1"/>
      <c r="AL28" s="1" t="s">
        <v>727</v>
      </c>
      <c r="AM28" s="1"/>
      <c r="AN28" s="1"/>
      <c r="AO28" s="1"/>
      <c r="AP28" t="s">
        <v>727</v>
      </c>
      <c r="AQ28" s="1"/>
      <c r="AR28" s="1" t="s">
        <v>727</v>
      </c>
      <c r="AS28" s="1" t="s">
        <v>727</v>
      </c>
      <c r="AT28" s="1"/>
      <c r="AU28" s="1"/>
      <c r="AV28" s="1"/>
      <c r="AW28" s="1"/>
      <c r="AX28" s="1"/>
      <c r="AY28" s="1"/>
      <c r="AZ28" s="1" t="s">
        <v>732</v>
      </c>
      <c r="BA28" s="1">
        <v>1.2999999999999999E-2</v>
      </c>
      <c r="BB28" s="1" t="s">
        <v>734</v>
      </c>
      <c r="BC28" s="1">
        <v>0.7</v>
      </c>
      <c r="BD28" s="1">
        <v>0.75</v>
      </c>
      <c r="BF28" s="1" t="s">
        <v>733</v>
      </c>
      <c r="BG28" s="1">
        <v>8.9999999999999998E-4</v>
      </c>
      <c r="BH28" s="1">
        <v>0.05</v>
      </c>
      <c r="BI28" s="1" t="s">
        <v>723</v>
      </c>
      <c r="BJ28" s="1"/>
      <c r="BK28" s="1"/>
      <c r="BL28" s="1"/>
      <c r="BM28" s="1" t="s">
        <v>739</v>
      </c>
      <c r="BN28" s="1">
        <v>5.5E-2</v>
      </c>
      <c r="BO28" s="1">
        <v>14</v>
      </c>
      <c r="BP28" s="1">
        <v>3.3</v>
      </c>
      <c r="BQ28" s="1"/>
      <c r="BR28" s="1" t="s">
        <v>74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25</v>
      </c>
      <c r="C29" s="1" t="s">
        <v>704</v>
      </c>
      <c r="D29" s="1" t="s">
        <v>27</v>
      </c>
      <c r="E29" s="1" t="s">
        <v>28</v>
      </c>
      <c r="F29" s="1" t="s">
        <v>264</v>
      </c>
      <c r="G29" s="1" t="s">
        <v>535</v>
      </c>
      <c r="I29" s="1" t="s">
        <v>536</v>
      </c>
      <c r="J29" s="1" t="s">
        <v>122</v>
      </c>
      <c r="K29" s="1" t="s">
        <v>305</v>
      </c>
      <c r="L29" s="1" t="s">
        <v>248</v>
      </c>
      <c r="N29" s="1" t="s">
        <v>36</v>
      </c>
      <c r="O29" s="1" t="s">
        <v>310</v>
      </c>
      <c r="P29" s="1" t="s">
        <v>38</v>
      </c>
      <c r="Q29" s="1" t="s">
        <v>69</v>
      </c>
      <c r="R29" s="1" t="s">
        <v>52</v>
      </c>
      <c r="S29" s="1" t="s">
        <v>111</v>
      </c>
      <c r="T29" s="1" t="s">
        <v>197</v>
      </c>
      <c r="U29" s="1">
        <v>8.5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87847222222222221</v>
      </c>
      <c r="C30" s="1" t="s">
        <v>704</v>
      </c>
      <c r="D30" s="1" t="s">
        <v>64</v>
      </c>
      <c r="E30" s="1" t="s">
        <v>28</v>
      </c>
      <c r="F30" s="1" t="s">
        <v>123</v>
      </c>
      <c r="G30" s="1" t="s">
        <v>306</v>
      </c>
      <c r="I30" s="1" t="s">
        <v>537</v>
      </c>
      <c r="J30" s="1" t="s">
        <v>131</v>
      </c>
      <c r="K30" s="1" t="s">
        <v>140</v>
      </c>
      <c r="L30" s="1" t="s">
        <v>538</v>
      </c>
      <c r="N30" s="1" t="s">
        <v>36</v>
      </c>
      <c r="O30" s="1" t="s">
        <v>310</v>
      </c>
      <c r="P30" s="1" t="s">
        <v>38</v>
      </c>
      <c r="Q30" s="1" t="s">
        <v>39</v>
      </c>
      <c r="R30" s="1" t="s">
        <v>52</v>
      </c>
      <c r="S30" s="1" t="s">
        <v>135</v>
      </c>
      <c r="T30" s="1" t="s">
        <v>303</v>
      </c>
      <c r="U30" s="1">
        <v>8.5</v>
      </c>
      <c r="V30" s="1"/>
      <c r="W30" s="1"/>
      <c r="X30" s="1">
        <v>0.78</v>
      </c>
      <c r="Y30" s="1">
        <v>6.7000000000000004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4</v>
      </c>
      <c r="BP30" s="1">
        <v>3.3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23</v>
      </c>
      <c r="B31" s="2">
        <v>0.12847222222222224</v>
      </c>
      <c r="C31" s="1" t="s">
        <v>704</v>
      </c>
      <c r="D31" s="1" t="s">
        <v>64</v>
      </c>
      <c r="E31" s="1" t="s">
        <v>28</v>
      </c>
      <c r="F31" s="1" t="s">
        <v>174</v>
      </c>
      <c r="G31" s="1" t="s">
        <v>320</v>
      </c>
      <c r="I31" s="1" t="s">
        <v>539</v>
      </c>
      <c r="J31" s="1" t="s">
        <v>122</v>
      </c>
      <c r="K31" s="1" t="s">
        <v>305</v>
      </c>
      <c r="L31" s="1" t="s">
        <v>540</v>
      </c>
      <c r="N31" s="1" t="s">
        <v>36</v>
      </c>
      <c r="O31" s="1" t="s">
        <v>310</v>
      </c>
      <c r="P31" s="1" t="s">
        <v>38</v>
      </c>
      <c r="Q31" s="1" t="s">
        <v>39</v>
      </c>
      <c r="R31" s="1" t="s">
        <v>52</v>
      </c>
      <c r="S31" s="1" t="s">
        <v>62</v>
      </c>
      <c r="T31" s="1" t="s">
        <v>128</v>
      </c>
      <c r="U31" s="1">
        <v>8.6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4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25</v>
      </c>
      <c r="B32" s="2">
        <v>0.40972222222222227</v>
      </c>
      <c r="C32" s="1" t="s">
        <v>704</v>
      </c>
      <c r="D32" s="1" t="s">
        <v>64</v>
      </c>
      <c r="E32" s="1" t="s">
        <v>28</v>
      </c>
      <c r="F32" s="1" t="s">
        <v>306</v>
      </c>
      <c r="G32" s="1" t="s">
        <v>200</v>
      </c>
      <c r="I32" s="1" t="s">
        <v>541</v>
      </c>
      <c r="J32" s="1" t="s">
        <v>101</v>
      </c>
      <c r="K32" s="1" t="s">
        <v>338</v>
      </c>
      <c r="L32" s="1" t="s">
        <v>35</v>
      </c>
      <c r="N32" s="1" t="s">
        <v>36</v>
      </c>
      <c r="O32" s="1" t="s">
        <v>235</v>
      </c>
      <c r="P32" s="1" t="s">
        <v>38</v>
      </c>
      <c r="Q32" s="1" t="s">
        <v>60</v>
      </c>
      <c r="R32" s="1" t="s">
        <v>89</v>
      </c>
      <c r="S32" s="1" t="s">
        <v>291</v>
      </c>
      <c r="T32" s="1" t="s">
        <v>197</v>
      </c>
      <c r="U32" s="1">
        <v>9.3000000000000007</v>
      </c>
      <c r="V32" s="3">
        <v>13000</v>
      </c>
      <c r="W32" s="1"/>
      <c r="X32" s="1">
        <v>1</v>
      </c>
      <c r="Y32" s="1">
        <v>9.7000000000000003E-2</v>
      </c>
      <c r="Z32" s="1">
        <v>1.6999999999999999E-3</v>
      </c>
      <c r="AC32" s="1" t="s">
        <v>722</v>
      </c>
      <c r="AD32" s="1" t="s">
        <v>723</v>
      </c>
      <c r="AE32" s="1" t="s">
        <v>724</v>
      </c>
      <c r="AF32" s="1" t="s">
        <v>725</v>
      </c>
      <c r="AG32" s="1" t="s">
        <v>724</v>
      </c>
      <c r="AH32" s="1" t="s">
        <v>724</v>
      </c>
      <c r="AI32" s="1"/>
      <c r="AJ32" s="1"/>
      <c r="AK32" s="1"/>
      <c r="AL32" s="1" t="s">
        <v>727</v>
      </c>
      <c r="AM32" s="1"/>
      <c r="AN32" s="1"/>
      <c r="AO32" s="1"/>
      <c r="AP32" t="s">
        <v>727</v>
      </c>
      <c r="AQ32" s="1"/>
      <c r="AR32" s="1" t="s">
        <v>727</v>
      </c>
      <c r="AS32" s="1" t="s">
        <v>727</v>
      </c>
      <c r="AT32" s="1"/>
      <c r="AU32" s="1"/>
      <c r="AV32" s="1"/>
      <c r="AW32" s="1"/>
      <c r="AX32" s="1"/>
      <c r="AY32" s="1"/>
      <c r="AZ32" s="1"/>
      <c r="BA32" s="1"/>
      <c r="BB32" s="1" t="s">
        <v>734</v>
      </c>
      <c r="BC32" s="1">
        <v>0.87</v>
      </c>
      <c r="BD32" s="1">
        <v>0.92</v>
      </c>
      <c r="BF32" s="1"/>
      <c r="BG32" s="1"/>
      <c r="BH32" s="1"/>
      <c r="BI32" s="1"/>
      <c r="BJ32" s="1"/>
      <c r="BK32" s="1"/>
      <c r="BL32" s="1"/>
      <c r="BM32" s="1" t="s">
        <v>739</v>
      </c>
      <c r="BN32" s="1">
        <v>8.6999999999999994E-2</v>
      </c>
      <c r="BO32" s="1">
        <v>17</v>
      </c>
      <c r="BP32" s="1">
        <v>4.9000000000000004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3194444444444442</v>
      </c>
      <c r="C33" s="1" t="s">
        <v>704</v>
      </c>
      <c r="D33" s="1" t="s">
        <v>64</v>
      </c>
      <c r="E33" s="1" t="s">
        <v>28</v>
      </c>
      <c r="F33" s="1" t="s">
        <v>306</v>
      </c>
      <c r="G33" s="1" t="s">
        <v>336</v>
      </c>
      <c r="I33" s="1" t="s">
        <v>542</v>
      </c>
      <c r="J33" s="1" t="s">
        <v>329</v>
      </c>
      <c r="K33" s="1" t="s">
        <v>143</v>
      </c>
      <c r="L33" s="1" t="s">
        <v>35</v>
      </c>
      <c r="N33" s="1" t="s">
        <v>36</v>
      </c>
      <c r="O33" s="1" t="s">
        <v>235</v>
      </c>
      <c r="P33" s="1" t="s">
        <v>38</v>
      </c>
      <c r="Q33" s="1" t="s">
        <v>229</v>
      </c>
      <c r="R33" s="1" t="s">
        <v>41</v>
      </c>
      <c r="S33" s="1" t="s">
        <v>116</v>
      </c>
      <c r="T33" s="1" t="s">
        <v>155</v>
      </c>
      <c r="U33" s="1">
        <v>9.1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7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87847222222222221</v>
      </c>
      <c r="C34" s="1" t="s">
        <v>704</v>
      </c>
      <c r="D34" s="1" t="s">
        <v>27</v>
      </c>
      <c r="E34" s="1" t="s">
        <v>28</v>
      </c>
      <c r="F34" s="1" t="s">
        <v>133</v>
      </c>
      <c r="G34" s="1" t="s">
        <v>337</v>
      </c>
      <c r="I34" s="1" t="s">
        <v>541</v>
      </c>
      <c r="J34" s="1" t="s">
        <v>329</v>
      </c>
      <c r="K34" s="1" t="s">
        <v>333</v>
      </c>
      <c r="L34" s="1" t="s">
        <v>35</v>
      </c>
      <c r="N34" s="1" t="s">
        <v>36</v>
      </c>
      <c r="O34" s="1" t="s">
        <v>37</v>
      </c>
      <c r="P34" s="1" t="s">
        <v>38</v>
      </c>
      <c r="Q34" s="1" t="s">
        <v>127</v>
      </c>
      <c r="R34" s="1" t="s">
        <v>52</v>
      </c>
      <c r="S34" s="1" t="s">
        <v>103</v>
      </c>
      <c r="T34" s="1" t="s">
        <v>42</v>
      </c>
      <c r="U34" s="1">
        <v>9.1</v>
      </c>
      <c r="V34" s="1"/>
      <c r="W34" s="1"/>
      <c r="X34" s="1">
        <v>1</v>
      </c>
      <c r="Y34" s="1">
        <v>0.1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17</v>
      </c>
      <c r="BP34" s="1">
        <v>5.0999999999999996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90</v>
      </c>
      <c r="B35" s="2">
        <v>0.125</v>
      </c>
      <c r="C35" s="1" t="s">
        <v>704</v>
      </c>
      <c r="D35" s="1" t="s">
        <v>27</v>
      </c>
      <c r="E35" s="1" t="s">
        <v>28</v>
      </c>
      <c r="F35" s="1" t="s">
        <v>479</v>
      </c>
      <c r="G35" s="1" t="s">
        <v>186</v>
      </c>
      <c r="I35" s="1" t="s">
        <v>543</v>
      </c>
      <c r="J35" s="1" t="s">
        <v>329</v>
      </c>
      <c r="K35" s="1" t="s">
        <v>76</v>
      </c>
      <c r="L35" s="1" t="s">
        <v>35</v>
      </c>
      <c r="N35" s="1" t="s">
        <v>36</v>
      </c>
      <c r="O35" s="1" t="s">
        <v>37</v>
      </c>
      <c r="P35" s="1" t="s">
        <v>38</v>
      </c>
      <c r="Q35" s="1" t="s">
        <v>39</v>
      </c>
      <c r="R35" s="1" t="s">
        <v>89</v>
      </c>
      <c r="S35" s="1" t="s">
        <v>135</v>
      </c>
      <c r="T35" s="1" t="s">
        <v>42</v>
      </c>
      <c r="U35" s="1">
        <v>9.4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97</v>
      </c>
      <c r="B36" s="2">
        <v>0.40972222222222227</v>
      </c>
      <c r="C36" s="1" t="s">
        <v>704</v>
      </c>
      <c r="D36" s="1" t="s">
        <v>27</v>
      </c>
      <c r="E36" s="1" t="s">
        <v>28</v>
      </c>
      <c r="F36" s="1" t="s">
        <v>230</v>
      </c>
      <c r="G36" s="1" t="s">
        <v>222</v>
      </c>
      <c r="I36" s="1" t="s">
        <v>544</v>
      </c>
      <c r="J36" s="1" t="s">
        <v>101</v>
      </c>
      <c r="K36" s="1" t="s">
        <v>102</v>
      </c>
      <c r="L36" s="1" t="s">
        <v>35</v>
      </c>
      <c r="N36" s="1" t="s">
        <v>36</v>
      </c>
      <c r="O36" s="1" t="s">
        <v>37</v>
      </c>
      <c r="P36" s="1" t="s">
        <v>38</v>
      </c>
      <c r="Q36" s="1" t="s">
        <v>50</v>
      </c>
      <c r="R36" s="1" t="s">
        <v>61</v>
      </c>
      <c r="S36" s="1" t="s">
        <v>167</v>
      </c>
      <c r="T36" s="1" t="s">
        <v>303</v>
      </c>
      <c r="U36" s="1">
        <v>9.1999999999999993</v>
      </c>
      <c r="V36" s="3">
        <v>3300</v>
      </c>
      <c r="W36" s="1"/>
      <c r="X36" s="1">
        <v>1</v>
      </c>
      <c r="Y36" s="1">
        <v>0.11</v>
      </c>
      <c r="Z36" s="1">
        <v>2.3E-3</v>
      </c>
      <c r="AC36" s="1" t="s">
        <v>722</v>
      </c>
      <c r="AD36" s="1" t="s">
        <v>723</v>
      </c>
      <c r="AE36" s="1" t="s">
        <v>724</v>
      </c>
      <c r="AF36" s="1" t="s">
        <v>725</v>
      </c>
      <c r="AG36" s="1" t="s">
        <v>724</v>
      </c>
      <c r="AH36" s="1" t="s">
        <v>724</v>
      </c>
      <c r="AI36" s="1"/>
      <c r="AJ36" s="1"/>
      <c r="AK36" s="1"/>
      <c r="AL36" s="1" t="s">
        <v>727</v>
      </c>
      <c r="AM36" s="1"/>
      <c r="AN36" s="1"/>
      <c r="AO36" s="1"/>
      <c r="AP36" t="s">
        <v>727</v>
      </c>
      <c r="AQ36" s="1"/>
      <c r="AR36" s="1" t="s">
        <v>727</v>
      </c>
      <c r="AS36" s="1" t="s">
        <v>727</v>
      </c>
      <c r="AT36" s="1"/>
      <c r="AU36" s="1"/>
      <c r="AV36" s="1"/>
      <c r="AW36" s="1"/>
      <c r="AX36" s="1"/>
      <c r="AY36" s="1"/>
      <c r="AZ36" s="1" t="s">
        <v>732</v>
      </c>
      <c r="BA36" s="1">
        <v>1.6E-2</v>
      </c>
      <c r="BB36" s="1" t="s">
        <v>734</v>
      </c>
      <c r="BC36" s="1">
        <v>0.92</v>
      </c>
      <c r="BD36" s="1">
        <v>0.97</v>
      </c>
      <c r="BF36" s="1" t="s">
        <v>733</v>
      </c>
      <c r="BG36" s="1">
        <v>1.2999999999999999E-3</v>
      </c>
      <c r="BH36" s="1" t="s">
        <v>725</v>
      </c>
      <c r="BI36" s="1" t="s">
        <v>723</v>
      </c>
      <c r="BJ36" s="1"/>
      <c r="BK36" s="1"/>
      <c r="BL36" s="1"/>
      <c r="BM36" s="1" t="s">
        <v>739</v>
      </c>
      <c r="BN36" s="1">
        <v>0.1</v>
      </c>
      <c r="BO36" s="1">
        <v>17</v>
      </c>
      <c r="BP36" s="1">
        <v>5</v>
      </c>
      <c r="BQ36" s="1"/>
      <c r="BR36" s="1" t="s">
        <v>74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25</v>
      </c>
      <c r="C37" s="1" t="s">
        <v>704</v>
      </c>
      <c r="D37" s="1" t="s">
        <v>27</v>
      </c>
      <c r="E37" s="1" t="s">
        <v>28</v>
      </c>
      <c r="F37" s="1" t="s">
        <v>386</v>
      </c>
      <c r="G37" s="1" t="s">
        <v>545</v>
      </c>
      <c r="I37" s="1" t="s">
        <v>546</v>
      </c>
      <c r="J37" s="1" t="s">
        <v>87</v>
      </c>
      <c r="K37" s="1" t="s">
        <v>296</v>
      </c>
      <c r="L37" s="1" t="s">
        <v>35</v>
      </c>
      <c r="N37" s="1" t="s">
        <v>36</v>
      </c>
      <c r="O37" s="1" t="s">
        <v>37</v>
      </c>
      <c r="P37" s="1" t="s">
        <v>38</v>
      </c>
      <c r="Q37" s="1" t="s">
        <v>149</v>
      </c>
      <c r="R37" s="1" t="s">
        <v>61</v>
      </c>
      <c r="S37" s="1" t="s">
        <v>291</v>
      </c>
      <c r="T37" s="1" t="s">
        <v>128</v>
      </c>
      <c r="U37" s="1">
        <v>9.1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17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87847222222222221</v>
      </c>
      <c r="C38" s="1" t="s">
        <v>704</v>
      </c>
      <c r="D38" s="1" t="s">
        <v>64</v>
      </c>
      <c r="E38" s="1" t="s">
        <v>28</v>
      </c>
      <c r="F38" s="1" t="s">
        <v>337</v>
      </c>
      <c r="G38" s="1" t="s">
        <v>158</v>
      </c>
      <c r="I38" s="1" t="s">
        <v>547</v>
      </c>
      <c r="J38" s="1" t="s">
        <v>87</v>
      </c>
      <c r="K38" s="1" t="s">
        <v>88</v>
      </c>
      <c r="L38" s="1" t="s">
        <v>35</v>
      </c>
      <c r="N38" s="1" t="s">
        <v>36</v>
      </c>
      <c r="O38" s="1" t="s">
        <v>37</v>
      </c>
      <c r="P38" s="1" t="s">
        <v>38</v>
      </c>
      <c r="Q38" s="1" t="s">
        <v>39</v>
      </c>
      <c r="R38" s="1" t="s">
        <v>51</v>
      </c>
      <c r="S38" s="1" t="s">
        <v>242</v>
      </c>
      <c r="T38" s="1" t="s">
        <v>155</v>
      </c>
      <c r="U38" s="1">
        <v>8.8000000000000007</v>
      </c>
      <c r="V38" s="1"/>
      <c r="W38" s="1"/>
      <c r="X38" s="1">
        <v>1.3</v>
      </c>
      <c r="Y38" s="1">
        <v>0.18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0</v>
      </c>
      <c r="BP38" s="1">
        <v>6.9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43</v>
      </c>
      <c r="B39" s="2">
        <v>0.12847222222222224</v>
      </c>
      <c r="C39" s="1" t="s">
        <v>704</v>
      </c>
      <c r="D39" s="1" t="s">
        <v>64</v>
      </c>
      <c r="E39" s="1" t="s">
        <v>28</v>
      </c>
      <c r="F39" s="1" t="s">
        <v>548</v>
      </c>
      <c r="G39" s="1" t="s">
        <v>456</v>
      </c>
      <c r="I39" s="1" t="s">
        <v>549</v>
      </c>
      <c r="J39" s="1" t="s">
        <v>232</v>
      </c>
      <c r="K39" s="1" t="s">
        <v>550</v>
      </c>
      <c r="L39" s="1" t="s">
        <v>35</v>
      </c>
      <c r="N39" s="1" t="s">
        <v>36</v>
      </c>
      <c r="O39" s="1" t="s">
        <v>235</v>
      </c>
      <c r="P39" s="1" t="s">
        <v>38</v>
      </c>
      <c r="Q39" s="1" t="s">
        <v>39</v>
      </c>
      <c r="R39" s="1" t="s">
        <v>78</v>
      </c>
      <c r="S39" s="1" t="s">
        <v>62</v>
      </c>
      <c r="T39" s="1" t="s">
        <v>303</v>
      </c>
      <c r="U39" s="1">
        <v>9.6999999999999993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0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04</v>
      </c>
      <c r="B40" s="2">
        <v>0.40625</v>
      </c>
      <c r="C40" s="1" t="s">
        <v>704</v>
      </c>
      <c r="D40" s="1" t="s">
        <v>27</v>
      </c>
      <c r="E40" s="1" t="s">
        <v>28</v>
      </c>
      <c r="F40" s="1" t="s">
        <v>107</v>
      </c>
      <c r="G40" s="1" t="s">
        <v>551</v>
      </c>
      <c r="I40" s="1" t="s">
        <v>552</v>
      </c>
      <c r="J40" s="1" t="s">
        <v>101</v>
      </c>
      <c r="K40" s="1" t="s">
        <v>102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77</v>
      </c>
      <c r="R40" s="1" t="s">
        <v>89</v>
      </c>
      <c r="S40" s="1" t="s">
        <v>135</v>
      </c>
      <c r="T40" s="1" t="s">
        <v>42</v>
      </c>
      <c r="U40" s="1">
        <v>11.6</v>
      </c>
      <c r="V40" s="3">
        <v>79000</v>
      </c>
      <c r="W40" s="1"/>
      <c r="X40" s="1">
        <v>1.1000000000000001</v>
      </c>
      <c r="Y40" s="1">
        <v>0.11</v>
      </c>
      <c r="Z40" s="1">
        <v>3.2000000000000002E-3</v>
      </c>
      <c r="AC40" s="1" t="s">
        <v>722</v>
      </c>
      <c r="AD40" s="1" t="s">
        <v>723</v>
      </c>
      <c r="AE40" s="1" t="s">
        <v>724</v>
      </c>
      <c r="AF40" s="1" t="s">
        <v>725</v>
      </c>
      <c r="AG40" s="1" t="s">
        <v>724</v>
      </c>
      <c r="AH40" s="1" t="s">
        <v>724</v>
      </c>
      <c r="AI40" s="1"/>
      <c r="AJ40" s="1"/>
      <c r="AK40" s="1"/>
      <c r="AL40" s="1" t="s">
        <v>727</v>
      </c>
      <c r="AM40" s="1"/>
      <c r="AN40" s="1"/>
      <c r="AO40" s="1"/>
      <c r="AP40" t="s">
        <v>727</v>
      </c>
      <c r="AQ40" s="1"/>
      <c r="AR40" s="1" t="s">
        <v>727</v>
      </c>
      <c r="AS40" s="1" t="s">
        <v>727</v>
      </c>
      <c r="AT40" s="1"/>
      <c r="AU40" s="1"/>
      <c r="AV40" s="1"/>
      <c r="AW40" s="1"/>
      <c r="AX40" s="1"/>
      <c r="AY40" s="1"/>
      <c r="AZ40" s="1"/>
      <c r="BA40" s="1"/>
      <c r="BB40" s="1" t="s">
        <v>734</v>
      </c>
      <c r="BC40" s="1">
        <v>1</v>
      </c>
      <c r="BD40" s="1">
        <v>1</v>
      </c>
      <c r="BF40" s="1"/>
      <c r="BG40" s="1"/>
      <c r="BH40" s="1"/>
      <c r="BI40" s="1"/>
      <c r="BJ40" s="1"/>
      <c r="BK40" s="1"/>
      <c r="BL40" s="1"/>
      <c r="BM40" s="1" t="s">
        <v>739</v>
      </c>
      <c r="BN40" s="1">
        <v>0.1</v>
      </c>
      <c r="BO40" s="1">
        <v>18</v>
      </c>
      <c r="BP40" s="1">
        <v>5.7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25</v>
      </c>
      <c r="C41" s="1" t="s">
        <v>704</v>
      </c>
      <c r="D41" s="1" t="s">
        <v>27</v>
      </c>
      <c r="E41" s="1" t="s">
        <v>28</v>
      </c>
      <c r="F41" s="1" t="s">
        <v>553</v>
      </c>
      <c r="G41" s="1" t="s">
        <v>455</v>
      </c>
      <c r="I41" s="1" t="s">
        <v>554</v>
      </c>
      <c r="J41" s="1" t="s">
        <v>329</v>
      </c>
      <c r="K41" s="1" t="s">
        <v>58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163</v>
      </c>
      <c r="R41" s="1" t="s">
        <v>52</v>
      </c>
      <c r="S41" s="1" t="s">
        <v>291</v>
      </c>
      <c r="T41" s="1" t="s">
        <v>155</v>
      </c>
      <c r="U41" s="1">
        <v>10.199999999999999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9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88194444444444453</v>
      </c>
      <c r="C42" s="1" t="s">
        <v>704</v>
      </c>
      <c r="D42" s="1" t="s">
        <v>27</v>
      </c>
      <c r="E42" s="1" t="s">
        <v>28</v>
      </c>
      <c r="F42" s="1" t="s">
        <v>399</v>
      </c>
      <c r="G42" s="1" t="s">
        <v>334</v>
      </c>
      <c r="I42" s="1" t="s">
        <v>555</v>
      </c>
      <c r="J42" s="1" t="s">
        <v>329</v>
      </c>
      <c r="K42" s="1" t="s">
        <v>143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39</v>
      </c>
      <c r="R42" s="1" t="s">
        <v>96</v>
      </c>
      <c r="S42" s="1" t="s">
        <v>520</v>
      </c>
      <c r="T42" s="1" t="s">
        <v>155</v>
      </c>
      <c r="U42" s="1">
        <v>10.1</v>
      </c>
      <c r="V42" s="1"/>
      <c r="W42" s="1"/>
      <c r="X42" s="1">
        <v>1.9</v>
      </c>
      <c r="Y42" s="1">
        <v>0.19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21</v>
      </c>
      <c r="BP42" s="1">
        <v>9.9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54</v>
      </c>
      <c r="B43" s="2">
        <v>0.12847222222222224</v>
      </c>
      <c r="C43" s="1" t="s">
        <v>704</v>
      </c>
      <c r="D43" s="1" t="s">
        <v>27</v>
      </c>
      <c r="E43" s="1" t="s">
        <v>28</v>
      </c>
      <c r="F43" s="1" t="s">
        <v>70</v>
      </c>
      <c r="G43" s="1" t="s">
        <v>190</v>
      </c>
      <c r="I43" s="1" t="s">
        <v>556</v>
      </c>
      <c r="J43" s="1" t="s">
        <v>94</v>
      </c>
      <c r="K43" s="1" t="s">
        <v>193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39</v>
      </c>
      <c r="R43" s="1" t="s">
        <v>41</v>
      </c>
      <c r="S43" s="1" t="s">
        <v>557</v>
      </c>
      <c r="T43" s="1" t="s">
        <v>155</v>
      </c>
      <c r="U43" s="1">
        <v>9.9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21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57</v>
      </c>
      <c r="B44" s="2">
        <v>0.4201388888888889</v>
      </c>
      <c r="C44" s="1" t="s">
        <v>704</v>
      </c>
      <c r="D44" s="1" t="s">
        <v>64</v>
      </c>
      <c r="E44" s="1" t="s">
        <v>28</v>
      </c>
      <c r="F44" s="1" t="s">
        <v>113</v>
      </c>
      <c r="G44" s="1" t="s">
        <v>553</v>
      </c>
      <c r="I44" s="1" t="s">
        <v>558</v>
      </c>
      <c r="J44" s="1" t="s">
        <v>86</v>
      </c>
      <c r="K44" s="1" t="s">
        <v>100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39</v>
      </c>
      <c r="R44" s="1" t="s">
        <v>89</v>
      </c>
      <c r="S44" s="1" t="s">
        <v>116</v>
      </c>
      <c r="T44" s="1" t="s">
        <v>128</v>
      </c>
      <c r="U44" s="1">
        <v>10.9</v>
      </c>
      <c r="V44" s="3">
        <v>7900</v>
      </c>
      <c r="W44" s="1" t="s">
        <v>728</v>
      </c>
      <c r="X44" s="1">
        <v>1.4</v>
      </c>
      <c r="Y44" s="1">
        <v>0.18</v>
      </c>
      <c r="Z44" s="1">
        <v>3.5000000000000001E-3</v>
      </c>
      <c r="AA44" t="s">
        <v>755</v>
      </c>
      <c r="AB44" t="s">
        <v>761</v>
      </c>
      <c r="AC44" s="1" t="s">
        <v>722</v>
      </c>
      <c r="AD44" s="1" t="s">
        <v>723</v>
      </c>
      <c r="AE44" s="1" t="s">
        <v>724</v>
      </c>
      <c r="AF44" s="1" t="s">
        <v>725</v>
      </c>
      <c r="AG44" s="1" t="s">
        <v>724</v>
      </c>
      <c r="AH44" s="1" t="s">
        <v>724</v>
      </c>
      <c r="AI44" s="1"/>
      <c r="AJ44" s="1" t="s">
        <v>724</v>
      </c>
      <c r="AK44" s="1" t="s">
        <v>727</v>
      </c>
      <c r="AL44" s="1" t="s">
        <v>727</v>
      </c>
      <c r="AM44" s="1" t="s">
        <v>727</v>
      </c>
      <c r="AN44" s="1" t="s">
        <v>727</v>
      </c>
      <c r="AO44" s="1" t="s">
        <v>727</v>
      </c>
      <c r="AP44" t="s">
        <v>727</v>
      </c>
      <c r="AQ44" s="1" t="s">
        <v>727</v>
      </c>
      <c r="AR44" s="1" t="s">
        <v>727</v>
      </c>
      <c r="AS44" s="1" t="s">
        <v>727</v>
      </c>
      <c r="AT44" s="1" t="s">
        <v>735</v>
      </c>
      <c r="AU44" s="1"/>
      <c r="AV44" s="1"/>
      <c r="AW44" s="1"/>
      <c r="AX44" s="1" t="s">
        <v>727</v>
      </c>
      <c r="AY44" s="1" t="s">
        <v>724</v>
      </c>
      <c r="AZ44" s="1" t="s">
        <v>732</v>
      </c>
      <c r="BA44" s="1">
        <v>1.4999999999999999E-2</v>
      </c>
      <c r="BB44" s="1" t="s">
        <v>734</v>
      </c>
      <c r="BC44" s="1">
        <v>1.2</v>
      </c>
      <c r="BD44" s="1">
        <v>1.2</v>
      </c>
      <c r="BE44" t="s">
        <v>733</v>
      </c>
      <c r="BF44" s="1" t="s">
        <v>733</v>
      </c>
      <c r="BG44" s="1">
        <v>1.5E-3</v>
      </c>
      <c r="BH44" s="1" t="s">
        <v>725</v>
      </c>
      <c r="BI44" s="1" t="s">
        <v>723</v>
      </c>
      <c r="BJ44" s="1" t="s">
        <v>733</v>
      </c>
      <c r="BK44" s="1" t="s">
        <v>724</v>
      </c>
      <c r="BL44" s="1" t="s">
        <v>740</v>
      </c>
      <c r="BM44" s="1" t="s">
        <v>739</v>
      </c>
      <c r="BN44" s="1">
        <v>0.16</v>
      </c>
      <c r="BO44" s="1">
        <v>19</v>
      </c>
      <c r="BP44" s="1">
        <v>6.8</v>
      </c>
      <c r="BQ44" s="1"/>
      <c r="BR44" s="1" t="s">
        <v>74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3194444444444442</v>
      </c>
      <c r="C45" s="1" t="s">
        <v>704</v>
      </c>
      <c r="D45" s="1" t="s">
        <v>64</v>
      </c>
      <c r="E45" s="1" t="s">
        <v>28</v>
      </c>
      <c r="F45" s="1" t="s">
        <v>559</v>
      </c>
      <c r="G45" s="1" t="s">
        <v>560</v>
      </c>
      <c r="I45" s="1" t="s">
        <v>561</v>
      </c>
      <c r="J45" s="1" t="s">
        <v>108</v>
      </c>
      <c r="K45" s="1" t="s">
        <v>531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256</v>
      </c>
      <c r="R45" s="1" t="s">
        <v>41</v>
      </c>
      <c r="S45" s="1" t="s">
        <v>167</v>
      </c>
      <c r="T45" s="1" t="s">
        <v>128</v>
      </c>
      <c r="U45" s="1">
        <v>10.8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20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87847222222222221</v>
      </c>
      <c r="C46" s="1" t="s">
        <v>704</v>
      </c>
      <c r="D46" s="1" t="s">
        <v>64</v>
      </c>
      <c r="E46" s="1" t="s">
        <v>28</v>
      </c>
      <c r="F46" s="1" t="s">
        <v>562</v>
      </c>
      <c r="G46" s="1" t="s">
        <v>463</v>
      </c>
      <c r="I46" s="1" t="s">
        <v>563</v>
      </c>
      <c r="J46" s="1" t="s">
        <v>120</v>
      </c>
      <c r="K46" s="1" t="s">
        <v>121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127</v>
      </c>
      <c r="R46" s="1" t="s">
        <v>61</v>
      </c>
      <c r="S46" s="1" t="s">
        <v>103</v>
      </c>
      <c r="T46" s="1" t="s">
        <v>128</v>
      </c>
      <c r="U46" s="1">
        <v>10.5</v>
      </c>
      <c r="V46" s="1"/>
      <c r="W46" s="1"/>
      <c r="X46" s="1">
        <v>1.3</v>
      </c>
      <c r="Y46" s="1">
        <v>0.17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8</v>
      </c>
      <c r="BP46" s="1">
        <v>6.2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61</v>
      </c>
      <c r="B47" s="2">
        <v>0.12847222222222224</v>
      </c>
      <c r="C47" s="1" t="s">
        <v>704</v>
      </c>
      <c r="D47" s="1" t="s">
        <v>64</v>
      </c>
      <c r="E47" s="1" t="s">
        <v>28</v>
      </c>
      <c r="F47" s="1" t="s">
        <v>395</v>
      </c>
      <c r="G47" s="1" t="s">
        <v>166</v>
      </c>
      <c r="I47" s="1" t="s">
        <v>564</v>
      </c>
      <c r="J47" s="1" t="s">
        <v>122</v>
      </c>
      <c r="K47" s="1" t="s">
        <v>305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127</v>
      </c>
      <c r="R47" s="1" t="s">
        <v>40</v>
      </c>
      <c r="S47" s="1" t="s">
        <v>116</v>
      </c>
      <c r="T47" s="1" t="s">
        <v>155</v>
      </c>
      <c r="U47" s="1">
        <v>10.199999999999999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9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17</v>
      </c>
      <c r="B48" s="2">
        <v>0.40625</v>
      </c>
      <c r="C48" s="1" t="s">
        <v>704</v>
      </c>
      <c r="D48" s="1" t="s">
        <v>64</v>
      </c>
      <c r="E48" s="1" t="s">
        <v>28</v>
      </c>
      <c r="F48" s="1" t="s">
        <v>565</v>
      </c>
      <c r="G48" s="1" t="s">
        <v>548</v>
      </c>
      <c r="I48" s="1" t="s">
        <v>566</v>
      </c>
      <c r="J48" s="1" t="s">
        <v>338</v>
      </c>
      <c r="K48" s="1" t="s">
        <v>376</v>
      </c>
      <c r="L48" s="1" t="s">
        <v>35</v>
      </c>
      <c r="N48" s="1" t="s">
        <v>36</v>
      </c>
      <c r="O48" s="1" t="s">
        <v>37</v>
      </c>
      <c r="P48" s="1" t="s">
        <v>38</v>
      </c>
      <c r="Q48" s="1" t="s">
        <v>69</v>
      </c>
      <c r="R48" s="1" t="s">
        <v>89</v>
      </c>
      <c r="S48" s="1" t="s">
        <v>62</v>
      </c>
      <c r="T48" s="1" t="s">
        <v>42</v>
      </c>
      <c r="U48" s="1">
        <v>9.8000000000000007</v>
      </c>
      <c r="V48" s="3">
        <v>11000</v>
      </c>
      <c r="W48" s="1"/>
      <c r="X48" s="1">
        <v>1.1000000000000001</v>
      </c>
      <c r="Y48" s="1">
        <v>0.12</v>
      </c>
      <c r="Z48" s="1">
        <v>1.5E-3</v>
      </c>
      <c r="AC48" s="1" t="s">
        <v>722</v>
      </c>
      <c r="AD48" s="1" t="s">
        <v>723</v>
      </c>
      <c r="AE48" s="1" t="s">
        <v>724</v>
      </c>
      <c r="AF48" s="1" t="s">
        <v>725</v>
      </c>
      <c r="AG48" s="1" t="s">
        <v>724</v>
      </c>
      <c r="AH48" s="1" t="s">
        <v>724</v>
      </c>
      <c r="AI48" s="1"/>
      <c r="AJ48" s="1"/>
      <c r="AK48" s="1"/>
      <c r="AL48" s="1" t="s">
        <v>727</v>
      </c>
      <c r="AM48" s="1"/>
      <c r="AN48" s="1"/>
      <c r="AO48" s="1"/>
      <c r="AP48" t="s">
        <v>727</v>
      </c>
      <c r="AQ48" s="1"/>
      <c r="AR48" s="1" t="s">
        <v>727</v>
      </c>
      <c r="AS48" s="1" t="s">
        <v>727</v>
      </c>
      <c r="AT48" s="1"/>
      <c r="AU48" s="1" t="s">
        <v>724</v>
      </c>
      <c r="AV48" s="1" t="s">
        <v>722</v>
      </c>
      <c r="AW48" s="1" t="s">
        <v>722</v>
      </c>
      <c r="AX48" s="1"/>
      <c r="AY48" s="1"/>
      <c r="AZ48" s="1"/>
      <c r="BA48" s="1"/>
      <c r="BB48" s="1" t="s">
        <v>734</v>
      </c>
      <c r="BC48" s="1">
        <v>0.99</v>
      </c>
      <c r="BD48" s="1">
        <v>1</v>
      </c>
      <c r="BF48" s="1"/>
      <c r="BG48" s="1"/>
      <c r="BH48" s="1"/>
      <c r="BI48" s="1"/>
      <c r="BJ48" s="1"/>
      <c r="BK48" s="1"/>
      <c r="BL48" s="1"/>
      <c r="BM48" s="1" t="s">
        <v>739</v>
      </c>
      <c r="BN48" s="1">
        <v>0.1</v>
      </c>
      <c r="BO48" s="1">
        <v>19</v>
      </c>
      <c r="BP48" s="1">
        <v>7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3194444444444442</v>
      </c>
      <c r="C49" s="1" t="s">
        <v>704</v>
      </c>
      <c r="D49" s="1" t="s">
        <v>64</v>
      </c>
      <c r="E49" s="1" t="s">
        <v>28</v>
      </c>
      <c r="F49" s="1" t="s">
        <v>567</v>
      </c>
      <c r="G49" s="1" t="s">
        <v>335</v>
      </c>
      <c r="I49" s="1" t="s">
        <v>568</v>
      </c>
      <c r="J49" s="1" t="s">
        <v>569</v>
      </c>
      <c r="K49" s="1" t="s">
        <v>570</v>
      </c>
      <c r="L49" s="1" t="s">
        <v>35</v>
      </c>
      <c r="N49" s="1" t="s">
        <v>36</v>
      </c>
      <c r="O49" s="1" t="s">
        <v>37</v>
      </c>
      <c r="P49" s="1" t="s">
        <v>38</v>
      </c>
      <c r="Q49" s="1" t="s">
        <v>149</v>
      </c>
      <c r="R49" s="1" t="s">
        <v>61</v>
      </c>
      <c r="S49" s="1" t="s">
        <v>291</v>
      </c>
      <c r="T49" s="1" t="s">
        <v>128</v>
      </c>
      <c r="U49" s="1">
        <v>9.8000000000000007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19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875</v>
      </c>
      <c r="C50" s="1" t="s">
        <v>704</v>
      </c>
      <c r="D50" s="1" t="s">
        <v>64</v>
      </c>
      <c r="E50" s="1" t="s">
        <v>28</v>
      </c>
      <c r="F50" s="1" t="s">
        <v>479</v>
      </c>
      <c r="G50" s="1" t="s">
        <v>124</v>
      </c>
      <c r="I50" s="1" t="s">
        <v>571</v>
      </c>
      <c r="J50" s="1" t="s">
        <v>220</v>
      </c>
      <c r="K50" s="1" t="s">
        <v>572</v>
      </c>
      <c r="L50" s="1" t="s">
        <v>35</v>
      </c>
      <c r="N50" s="1" t="s">
        <v>36</v>
      </c>
      <c r="O50" s="1" t="s">
        <v>37</v>
      </c>
      <c r="P50" s="1" t="s">
        <v>38</v>
      </c>
      <c r="Q50" s="1" t="s">
        <v>50</v>
      </c>
      <c r="R50" s="1" t="s">
        <v>70</v>
      </c>
      <c r="S50" s="1" t="s">
        <v>291</v>
      </c>
      <c r="T50" s="1" t="s">
        <v>303</v>
      </c>
      <c r="U50" s="1">
        <v>9.8000000000000007</v>
      </c>
      <c r="V50" s="1"/>
      <c r="W50" s="1"/>
      <c r="X50" s="1">
        <v>1.1000000000000001</v>
      </c>
      <c r="Y50" s="1">
        <v>0.16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19</v>
      </c>
      <c r="BP50" s="1">
        <v>7.8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72</v>
      </c>
      <c r="B51" s="2">
        <v>0.12847222222222224</v>
      </c>
      <c r="C51" s="1" t="s">
        <v>704</v>
      </c>
      <c r="D51" s="1" t="s">
        <v>195</v>
      </c>
      <c r="E51" s="1" t="s">
        <v>28</v>
      </c>
      <c r="F51" s="1" t="s">
        <v>334</v>
      </c>
      <c r="G51" s="1" t="s">
        <v>573</v>
      </c>
      <c r="I51" s="1" t="s">
        <v>574</v>
      </c>
      <c r="J51" s="1" t="s">
        <v>212</v>
      </c>
      <c r="K51" s="1" t="s">
        <v>575</v>
      </c>
      <c r="L51" s="1" t="s">
        <v>35</v>
      </c>
      <c r="N51" s="1" t="s">
        <v>36</v>
      </c>
      <c r="O51" s="1" t="s">
        <v>37</v>
      </c>
      <c r="P51" s="1" t="s">
        <v>38</v>
      </c>
      <c r="Q51" s="1" t="s">
        <v>50</v>
      </c>
      <c r="R51" s="1" t="s">
        <v>70</v>
      </c>
      <c r="S51" s="1" t="s">
        <v>242</v>
      </c>
      <c r="T51" s="1" t="s">
        <v>197</v>
      </c>
      <c r="U51" s="1">
        <v>10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7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80"/>
  <sheetViews>
    <sheetView zoomScale="85" zoomScaleNormal="85" workbookViewId="0">
      <pane xSplit="3" ySplit="3" topLeftCell="AQ4" activePane="bottomRight" state="frozen"/>
      <selection pane="topRight" activeCell="D1" sqref="D1"/>
      <selection pane="bottomLeft" activeCell="A4" sqref="A4"/>
      <selection pane="bottomRight" activeCell="BE8" sqref="BE8:BE14"/>
    </sheetView>
  </sheetViews>
  <sheetFormatPr defaultRowHeight="14.25" x14ac:dyDescent="0.15"/>
  <sheetData>
    <row r="1" spans="1:78" x14ac:dyDescent="0.15">
      <c r="A1" s="1" t="s">
        <v>0</v>
      </c>
      <c r="B1" s="1" t="s">
        <v>715</v>
      </c>
      <c r="C1" s="1" t="s">
        <v>1</v>
      </c>
      <c r="D1" s="1" t="s">
        <v>716</v>
      </c>
      <c r="E1" s="1" t="s">
        <v>2</v>
      </c>
      <c r="F1" s="1" t="s">
        <v>695</v>
      </c>
      <c r="G1" s="1" t="s">
        <v>3</v>
      </c>
      <c r="H1" s="1" t="s">
        <v>69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5</v>
      </c>
      <c r="AB2" s="1" t="s">
        <v>752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50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52777777777778</v>
      </c>
      <c r="C4" s="1" t="s">
        <v>704</v>
      </c>
      <c r="D4" s="1" t="s">
        <v>27</v>
      </c>
      <c r="E4" s="1" t="s">
        <v>28</v>
      </c>
      <c r="F4" s="1" t="s">
        <v>579</v>
      </c>
      <c r="G4" s="1" t="s">
        <v>81</v>
      </c>
      <c r="I4" s="1" t="s">
        <v>577</v>
      </c>
      <c r="J4" s="1" t="s">
        <v>577</v>
      </c>
      <c r="K4" s="1" t="s">
        <v>211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69</v>
      </c>
      <c r="R4" s="1" t="s">
        <v>61</v>
      </c>
      <c r="S4" s="1" t="s">
        <v>40</v>
      </c>
      <c r="T4" s="1" t="s">
        <v>42</v>
      </c>
      <c r="U4" s="1">
        <v>9.9</v>
      </c>
      <c r="V4" s="3">
        <v>11000</v>
      </c>
      <c r="W4" s="1"/>
      <c r="X4" s="1">
        <v>1.2</v>
      </c>
      <c r="Y4" s="1">
        <v>3.2000000000000001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723</v>
      </c>
      <c r="BC4" s="1">
        <v>1.1000000000000001</v>
      </c>
      <c r="BD4" s="1">
        <v>1.1000000000000001</v>
      </c>
      <c r="BE4" s="1"/>
      <c r="BF4" s="1"/>
      <c r="BG4" s="1"/>
      <c r="BH4" s="1"/>
      <c r="BI4" s="1"/>
      <c r="BJ4" s="1"/>
      <c r="BK4" s="1"/>
      <c r="BL4" s="1"/>
      <c r="BM4" s="1" t="s">
        <v>739</v>
      </c>
      <c r="BN4" s="1">
        <v>2.8000000000000001E-2</v>
      </c>
      <c r="BO4" s="1">
        <v>15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3</v>
      </c>
      <c r="B5" s="2">
        <v>0.43055555555555558</v>
      </c>
      <c r="C5" s="1" t="s">
        <v>704</v>
      </c>
      <c r="D5" s="1" t="s">
        <v>27</v>
      </c>
      <c r="E5" s="1" t="s">
        <v>28</v>
      </c>
      <c r="F5" s="1" t="s">
        <v>213</v>
      </c>
      <c r="G5" s="1" t="s">
        <v>29</v>
      </c>
      <c r="I5" s="1" t="s">
        <v>211</v>
      </c>
      <c r="J5" s="1" t="s">
        <v>580</v>
      </c>
      <c r="K5" s="1" t="s">
        <v>216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256</v>
      </c>
      <c r="R5" s="1" t="s">
        <v>290</v>
      </c>
      <c r="S5" s="1" t="s">
        <v>61</v>
      </c>
      <c r="U5" s="1">
        <v>10.199999999999999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5</v>
      </c>
      <c r="BP5" s="1">
        <v>3.1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4375</v>
      </c>
      <c r="C6" s="1" t="s">
        <v>704</v>
      </c>
      <c r="D6" s="1" t="s">
        <v>27</v>
      </c>
      <c r="E6" s="1" t="s">
        <v>28</v>
      </c>
      <c r="F6" s="1" t="s">
        <v>318</v>
      </c>
      <c r="G6" s="1" t="s">
        <v>44</v>
      </c>
      <c r="I6" s="1" t="s">
        <v>577</v>
      </c>
      <c r="J6" s="1" t="s">
        <v>580</v>
      </c>
      <c r="K6" s="1" t="s">
        <v>94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463</v>
      </c>
      <c r="R6" s="1" t="s">
        <v>96</v>
      </c>
      <c r="S6" s="1" t="s">
        <v>103</v>
      </c>
      <c r="T6" s="1" t="s">
        <v>128</v>
      </c>
      <c r="U6" s="1">
        <v>10.4</v>
      </c>
      <c r="V6" s="3">
        <v>3300</v>
      </c>
      <c r="W6" s="1"/>
      <c r="X6" s="1">
        <v>1</v>
      </c>
      <c r="Y6" s="1">
        <v>2.1999999999999999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723</v>
      </c>
      <c r="BC6" s="1">
        <v>0.77</v>
      </c>
      <c r="BD6" s="1">
        <v>0.82</v>
      </c>
      <c r="BE6" s="1"/>
      <c r="BF6" s="1"/>
      <c r="BG6" s="1"/>
      <c r="BH6" s="1"/>
      <c r="BI6" s="1"/>
      <c r="BJ6" s="1"/>
      <c r="BK6" s="1"/>
      <c r="BL6" s="1"/>
      <c r="BM6" s="1" t="s">
        <v>739</v>
      </c>
      <c r="BN6" s="1">
        <v>1.6E-2</v>
      </c>
      <c r="BO6" s="1">
        <v>15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63</v>
      </c>
      <c r="B7" s="2">
        <v>0.40625</v>
      </c>
      <c r="C7" s="1" t="s">
        <v>704</v>
      </c>
      <c r="D7" s="1" t="s">
        <v>64</v>
      </c>
      <c r="E7" s="1" t="s">
        <v>28</v>
      </c>
      <c r="F7" s="1" t="s">
        <v>380</v>
      </c>
      <c r="G7" s="1" t="s">
        <v>581</v>
      </c>
      <c r="I7" s="1" t="s">
        <v>577</v>
      </c>
      <c r="J7" s="1" t="s">
        <v>580</v>
      </c>
      <c r="K7" s="1" t="s">
        <v>101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256</v>
      </c>
      <c r="R7" s="1" t="s">
        <v>89</v>
      </c>
      <c r="S7" s="1" t="s">
        <v>41</v>
      </c>
      <c r="U7" s="1">
        <v>9.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 t="s">
        <v>724</v>
      </c>
      <c r="AV7" s="1" t="s">
        <v>722</v>
      </c>
      <c r="AW7" s="1" t="s">
        <v>722</v>
      </c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1</v>
      </c>
      <c r="B8" s="2">
        <v>0.4236111111111111</v>
      </c>
      <c r="C8" s="1" t="s">
        <v>704</v>
      </c>
      <c r="D8" s="1" t="s">
        <v>27</v>
      </c>
      <c r="E8" s="1" t="s">
        <v>28</v>
      </c>
      <c r="F8" s="1" t="s">
        <v>415</v>
      </c>
      <c r="G8" s="1" t="s">
        <v>582</v>
      </c>
      <c r="I8" s="1" t="s">
        <v>577</v>
      </c>
      <c r="J8" s="1" t="s">
        <v>583</v>
      </c>
      <c r="K8" s="1" t="s">
        <v>33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149</v>
      </c>
      <c r="R8" s="1" t="s">
        <v>51</v>
      </c>
      <c r="S8" s="1" t="s">
        <v>52</v>
      </c>
      <c r="T8" s="1" t="s">
        <v>42</v>
      </c>
      <c r="U8" s="1">
        <v>9.3000000000000007</v>
      </c>
      <c r="V8" s="3">
        <v>9400</v>
      </c>
      <c r="W8" s="1"/>
      <c r="X8" s="1">
        <v>0.9</v>
      </c>
      <c r="Y8" s="1">
        <v>2.3E-2</v>
      </c>
      <c r="Z8" s="1"/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 t="s">
        <v>726</v>
      </c>
      <c r="AL8" s="1" t="s">
        <v>726</v>
      </c>
      <c r="AM8" s="1" t="s">
        <v>726</v>
      </c>
      <c r="AN8" s="1" t="s">
        <v>726</v>
      </c>
      <c r="AO8" s="1" t="s">
        <v>726</v>
      </c>
      <c r="AP8" t="s">
        <v>726</v>
      </c>
      <c r="AQ8" s="1" t="s">
        <v>726</v>
      </c>
      <c r="AR8" s="1" t="s">
        <v>726</v>
      </c>
      <c r="AS8" s="1" t="s">
        <v>726</v>
      </c>
      <c r="AT8" s="1" t="s">
        <v>727</v>
      </c>
      <c r="AU8" s="1"/>
      <c r="AV8" s="1"/>
      <c r="AW8" s="1"/>
      <c r="AX8" s="1" t="s">
        <v>726</v>
      </c>
      <c r="AY8" s="1" t="s">
        <v>724</v>
      </c>
      <c r="AZ8" s="1" t="s">
        <v>732</v>
      </c>
      <c r="BA8" s="1">
        <v>1.0999999999999999E-2</v>
      </c>
      <c r="BB8" s="1" t="s">
        <v>723</v>
      </c>
      <c r="BC8" s="1">
        <v>0.81</v>
      </c>
      <c r="BD8" s="1">
        <v>0.86</v>
      </c>
      <c r="BE8" s="1" t="s">
        <v>733</v>
      </c>
      <c r="BF8" s="1"/>
      <c r="BG8" s="1"/>
      <c r="BH8" s="1"/>
      <c r="BI8" s="1"/>
      <c r="BJ8" s="1"/>
      <c r="BK8" s="1"/>
      <c r="BL8" s="1"/>
      <c r="BM8" s="1" t="s">
        <v>739</v>
      </c>
      <c r="BN8" s="1">
        <v>1.9E-2</v>
      </c>
      <c r="BO8" s="1">
        <v>14</v>
      </c>
      <c r="BP8" s="1">
        <v>2.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80</v>
      </c>
      <c r="B9" s="2">
        <v>0.42708333333333331</v>
      </c>
      <c r="C9" s="1" t="s">
        <v>704</v>
      </c>
      <c r="D9" s="1" t="s">
        <v>64</v>
      </c>
      <c r="E9" s="1" t="s">
        <v>28</v>
      </c>
      <c r="F9" s="1" t="s">
        <v>139</v>
      </c>
      <c r="G9" s="1" t="s">
        <v>389</v>
      </c>
      <c r="I9" s="1" t="s">
        <v>577</v>
      </c>
      <c r="J9" s="1" t="s">
        <v>577</v>
      </c>
      <c r="K9" s="1" t="s">
        <v>232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77</v>
      </c>
      <c r="R9" s="1" t="s">
        <v>257</v>
      </c>
      <c r="S9" s="1" t="s">
        <v>61</v>
      </c>
      <c r="U9" s="1">
        <v>9.9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 t="s">
        <v>754</v>
      </c>
      <c r="BF9" s="1"/>
      <c r="BG9" s="1"/>
      <c r="BH9" s="1"/>
      <c r="BI9" s="1"/>
      <c r="BJ9" s="1"/>
      <c r="BK9" s="1"/>
      <c r="BL9" s="1"/>
      <c r="BM9" s="1"/>
      <c r="BN9" s="1"/>
      <c r="BO9" s="1">
        <v>13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4</v>
      </c>
      <c r="B10" s="2">
        <v>0.46875</v>
      </c>
      <c r="C10" s="1" t="s">
        <v>704</v>
      </c>
      <c r="D10" s="1" t="s">
        <v>64</v>
      </c>
      <c r="E10" s="1" t="s">
        <v>705</v>
      </c>
      <c r="F10" s="1" t="s">
        <v>218</v>
      </c>
      <c r="G10" s="1" t="s">
        <v>174</v>
      </c>
      <c r="I10" s="1" t="s">
        <v>86</v>
      </c>
      <c r="J10" s="1" t="s">
        <v>577</v>
      </c>
      <c r="K10" s="1" t="s">
        <v>211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78</v>
      </c>
      <c r="S10" s="1" t="s">
        <v>40</v>
      </c>
      <c r="T10" s="1" t="s">
        <v>155</v>
      </c>
      <c r="U10" s="1">
        <v>9.6</v>
      </c>
      <c r="V10" s="3">
        <v>2300</v>
      </c>
      <c r="W10" s="1"/>
      <c r="X10" s="1">
        <v>1.1000000000000001</v>
      </c>
      <c r="Y10" s="1">
        <v>2.5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723</v>
      </c>
      <c r="BC10" s="1">
        <v>1</v>
      </c>
      <c r="BD10" s="1">
        <v>1</v>
      </c>
      <c r="BE10" s="1" t="s">
        <v>754</v>
      </c>
      <c r="BF10" s="1" t="s">
        <v>733</v>
      </c>
      <c r="BG10" s="1">
        <v>1.6000000000000001E-3</v>
      </c>
      <c r="BH10" s="1">
        <v>0.02</v>
      </c>
      <c r="BI10" s="1" t="s">
        <v>723</v>
      </c>
      <c r="BJ10" s="1"/>
      <c r="BK10" s="1"/>
      <c r="BL10" s="1" t="s">
        <v>740</v>
      </c>
      <c r="BM10" s="1" t="s">
        <v>739</v>
      </c>
      <c r="BN10" s="1">
        <v>2.5000000000000001E-2</v>
      </c>
      <c r="BO10" s="1">
        <v>14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90</v>
      </c>
      <c r="B11" s="2">
        <v>0.44444444444444442</v>
      </c>
      <c r="C11" s="1" t="s">
        <v>704</v>
      </c>
      <c r="D11" s="1" t="s">
        <v>27</v>
      </c>
      <c r="E11" s="1" t="s">
        <v>28</v>
      </c>
      <c r="F11" s="1" t="s">
        <v>336</v>
      </c>
      <c r="G11" s="1" t="s">
        <v>337</v>
      </c>
      <c r="I11" s="1" t="s">
        <v>577</v>
      </c>
      <c r="J11" s="1" t="s">
        <v>577</v>
      </c>
      <c r="K11" s="1" t="s">
        <v>87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172</v>
      </c>
      <c r="R11" s="1" t="s">
        <v>290</v>
      </c>
      <c r="S11" s="1" t="s">
        <v>144</v>
      </c>
      <c r="U11" s="1">
        <v>10.7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 t="s">
        <v>754</v>
      </c>
      <c r="BF11" s="1"/>
      <c r="BG11" s="1"/>
      <c r="BH11" s="1"/>
      <c r="BI11" s="1"/>
      <c r="BJ11" s="1"/>
      <c r="BK11" s="1"/>
      <c r="BL11" s="1"/>
      <c r="BM11" s="1"/>
      <c r="BN11" s="1"/>
      <c r="BO11" s="1">
        <v>16</v>
      </c>
      <c r="BP11" s="1">
        <v>3.9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97</v>
      </c>
      <c r="B12" s="2">
        <v>0.4375</v>
      </c>
      <c r="C12" s="1" t="s">
        <v>704</v>
      </c>
      <c r="D12" s="1" t="s">
        <v>27</v>
      </c>
      <c r="E12" s="1" t="s">
        <v>184</v>
      </c>
      <c r="F12" s="1" t="s">
        <v>306</v>
      </c>
      <c r="G12" s="1" t="s">
        <v>337</v>
      </c>
      <c r="I12" s="1" t="s">
        <v>577</v>
      </c>
      <c r="J12" s="1" t="s">
        <v>577</v>
      </c>
      <c r="K12" s="1" t="s">
        <v>232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60</v>
      </c>
      <c r="R12" s="1" t="s">
        <v>70</v>
      </c>
      <c r="S12" s="1" t="s">
        <v>96</v>
      </c>
      <c r="T12" s="1" t="s">
        <v>155</v>
      </c>
      <c r="U12" s="1">
        <v>10.199999999999999</v>
      </c>
      <c r="V12" s="3">
        <v>3300</v>
      </c>
      <c r="W12" s="1"/>
      <c r="X12" s="1">
        <v>1.5</v>
      </c>
      <c r="Y12" s="1">
        <v>3.5999999999999997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723</v>
      </c>
      <c r="BC12" s="1">
        <v>1.3</v>
      </c>
      <c r="BD12" s="1">
        <v>1.3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 t="s">
        <v>739</v>
      </c>
      <c r="BN12" s="1">
        <v>0.03</v>
      </c>
      <c r="BO12" s="1">
        <v>17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04</v>
      </c>
      <c r="B13" s="2">
        <v>0.44444444444444442</v>
      </c>
      <c r="C13" s="1" t="s">
        <v>704</v>
      </c>
      <c r="D13" s="1" t="s">
        <v>105</v>
      </c>
      <c r="E13" s="1" t="s">
        <v>28</v>
      </c>
      <c r="F13" s="1" t="s">
        <v>584</v>
      </c>
      <c r="G13" s="1" t="s">
        <v>190</v>
      </c>
      <c r="I13" s="1" t="s">
        <v>577</v>
      </c>
      <c r="J13" s="1" t="s">
        <v>577</v>
      </c>
      <c r="K13" s="1" t="s">
        <v>87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77</v>
      </c>
      <c r="R13" s="1" t="s">
        <v>51</v>
      </c>
      <c r="S13" s="1" t="s">
        <v>40</v>
      </c>
      <c r="U13" s="1">
        <v>11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 t="s">
        <v>754</v>
      </c>
      <c r="BF13" s="1"/>
      <c r="BG13" s="1"/>
      <c r="BH13" s="1"/>
      <c r="BI13" s="1"/>
      <c r="BJ13" s="1"/>
      <c r="BK13" s="1"/>
      <c r="BL13" s="1"/>
      <c r="BM13" s="1"/>
      <c r="BN13" s="1"/>
      <c r="BO13" s="1">
        <v>17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12</v>
      </c>
      <c r="B14" s="2">
        <v>0.47222222222222227</v>
      </c>
      <c r="C14" s="1" t="s">
        <v>704</v>
      </c>
      <c r="D14" s="1" t="s">
        <v>64</v>
      </c>
      <c r="E14" s="1" t="s">
        <v>706</v>
      </c>
      <c r="F14" s="1" t="s">
        <v>163</v>
      </c>
      <c r="G14" s="1" t="s">
        <v>91</v>
      </c>
      <c r="I14" s="1" t="s">
        <v>577</v>
      </c>
      <c r="J14" s="1" t="s">
        <v>583</v>
      </c>
      <c r="K14" s="1" t="s">
        <v>33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60</v>
      </c>
      <c r="R14" s="1" t="s">
        <v>78</v>
      </c>
      <c r="S14" s="1" t="s">
        <v>96</v>
      </c>
      <c r="T14" s="1" t="s">
        <v>42</v>
      </c>
      <c r="U14" s="1">
        <v>11.6</v>
      </c>
      <c r="V14" s="3">
        <v>1300</v>
      </c>
      <c r="W14" s="1"/>
      <c r="X14" s="1">
        <v>1.6</v>
      </c>
      <c r="Y14" s="1">
        <v>3.5999999999999997E-2</v>
      </c>
      <c r="Z14" s="1"/>
      <c r="AA14" s="1"/>
      <c r="AB14" s="1"/>
      <c r="AC14" s="1" t="s">
        <v>722</v>
      </c>
      <c r="AD14" s="1" t="s">
        <v>723</v>
      </c>
      <c r="AE14" s="1" t="s">
        <v>724</v>
      </c>
      <c r="AF14" s="1" t="s">
        <v>725</v>
      </c>
      <c r="AG14" s="1" t="s">
        <v>724</v>
      </c>
      <c r="AH14" s="1" t="s">
        <v>724</v>
      </c>
      <c r="AI14" s="1"/>
      <c r="AJ14" s="1"/>
      <c r="AK14" s="1" t="s">
        <v>726</v>
      </c>
      <c r="AL14" s="1" t="s">
        <v>726</v>
      </c>
      <c r="AM14" s="1" t="s">
        <v>726</v>
      </c>
      <c r="AN14" s="1" t="s">
        <v>726</v>
      </c>
      <c r="AO14" s="1" t="s">
        <v>726</v>
      </c>
      <c r="AP14" t="s">
        <v>726</v>
      </c>
      <c r="AQ14" s="1" t="s">
        <v>726</v>
      </c>
      <c r="AR14" s="1" t="s">
        <v>726</v>
      </c>
      <c r="AS14" s="1" t="s">
        <v>726</v>
      </c>
      <c r="AT14" s="1" t="s">
        <v>727</v>
      </c>
      <c r="AU14" s="1"/>
      <c r="AV14" s="1"/>
      <c r="AW14" s="1"/>
      <c r="AX14" s="1" t="s">
        <v>726</v>
      </c>
      <c r="AY14" s="1" t="s">
        <v>724</v>
      </c>
      <c r="AZ14" s="1" t="s">
        <v>732</v>
      </c>
      <c r="BA14" s="1">
        <v>0.01</v>
      </c>
      <c r="BB14" s="1" t="s">
        <v>723</v>
      </c>
      <c r="BC14" s="1">
        <v>1.5</v>
      </c>
      <c r="BD14" s="1">
        <v>1.5</v>
      </c>
      <c r="BE14" s="1" t="s">
        <v>733</v>
      </c>
      <c r="BF14" s="1"/>
      <c r="BG14" s="1"/>
      <c r="BH14" s="1"/>
      <c r="BI14" s="1"/>
      <c r="BJ14" s="1"/>
      <c r="BK14" s="1"/>
      <c r="BL14" s="1"/>
      <c r="BM14" s="1" t="s">
        <v>739</v>
      </c>
      <c r="BN14" s="1">
        <v>2.8000000000000001E-2</v>
      </c>
      <c r="BO14" s="1">
        <v>17</v>
      </c>
      <c r="BP14" s="1">
        <v>3.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17</v>
      </c>
      <c r="B15" s="2">
        <v>0.4513888888888889</v>
      </c>
      <c r="C15" s="1" t="s">
        <v>704</v>
      </c>
      <c r="D15" s="1" t="s">
        <v>64</v>
      </c>
      <c r="E15" s="1" t="s">
        <v>705</v>
      </c>
      <c r="F15" s="1" t="s">
        <v>145</v>
      </c>
      <c r="G15" s="1" t="s">
        <v>367</v>
      </c>
      <c r="I15" s="1" t="s">
        <v>577</v>
      </c>
      <c r="J15" s="1" t="s">
        <v>329</v>
      </c>
      <c r="K15" s="1" t="s">
        <v>76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69</v>
      </c>
      <c r="R15" s="1" t="s">
        <v>89</v>
      </c>
      <c r="S15" s="1" t="s">
        <v>111</v>
      </c>
      <c r="U15" s="1">
        <v>1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724</v>
      </c>
      <c r="AV15" s="1" t="s">
        <v>722</v>
      </c>
      <c r="AW15" s="1" t="s">
        <v>722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8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17</v>
      </c>
      <c r="C1" s="1" t="s">
        <v>1</v>
      </c>
      <c r="D1" s="1" t="s">
        <v>718</v>
      </c>
      <c r="E1" s="1" t="s">
        <v>2</v>
      </c>
      <c r="F1" s="1" t="s">
        <v>695</v>
      </c>
      <c r="G1" s="1" t="s">
        <v>3</v>
      </c>
      <c r="H1" s="1" t="s">
        <v>711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97</v>
      </c>
      <c r="V2" s="1" t="s">
        <v>646</v>
      </c>
      <c r="W2" s="1" t="s">
        <v>719</v>
      </c>
      <c r="X2" s="1" t="s">
        <v>647</v>
      </c>
      <c r="Y2" s="1" t="s">
        <v>648</v>
      </c>
      <c r="Z2" s="1" t="s">
        <v>649</v>
      </c>
      <c r="AA2" s="1" t="s">
        <v>746</v>
      </c>
      <c r="AB2" s="1" t="s">
        <v>752</v>
      </c>
      <c r="AC2" s="1" t="s">
        <v>650</v>
      </c>
      <c r="AD2" s="1" t="s">
        <v>651</v>
      </c>
      <c r="AE2" s="1" t="s">
        <v>720</v>
      </c>
      <c r="AF2" s="1" t="s">
        <v>652</v>
      </c>
      <c r="AG2" s="1" t="s">
        <v>653</v>
      </c>
      <c r="AH2" s="1" t="s">
        <v>654</v>
      </c>
      <c r="AI2" s="1" t="s">
        <v>655</v>
      </c>
      <c r="AJ2" s="1" t="s">
        <v>656</v>
      </c>
      <c r="AK2" s="1" t="s">
        <v>657</v>
      </c>
      <c r="AL2" s="1" t="s">
        <v>658</v>
      </c>
      <c r="AM2" s="1" t="s">
        <v>659</v>
      </c>
      <c r="AN2" s="1" t="s">
        <v>660</v>
      </c>
      <c r="AO2" s="1" t="s">
        <v>661</v>
      </c>
      <c r="AP2" t="s">
        <v>742</v>
      </c>
      <c r="AQ2" s="1" t="s">
        <v>662</v>
      </c>
      <c r="AR2" s="1" t="s">
        <v>663</v>
      </c>
      <c r="AS2" s="1" t="s">
        <v>664</v>
      </c>
      <c r="AT2" s="1" t="s">
        <v>729</v>
      </c>
      <c r="AU2" s="1" t="s">
        <v>665</v>
      </c>
      <c r="AV2" s="1" t="s">
        <v>666</v>
      </c>
      <c r="AW2" s="1" t="s">
        <v>667</v>
      </c>
      <c r="AX2" s="1" t="s">
        <v>668</v>
      </c>
      <c r="AY2" s="1" t="s">
        <v>669</v>
      </c>
      <c r="AZ2" s="1" t="s">
        <v>670</v>
      </c>
      <c r="BA2" s="1" t="s">
        <v>671</v>
      </c>
      <c r="BB2" s="1" t="s">
        <v>672</v>
      </c>
      <c r="BC2" s="1" t="s">
        <v>673</v>
      </c>
      <c r="BD2" s="1" t="s">
        <v>674</v>
      </c>
      <c r="BE2" s="1" t="s">
        <v>748</v>
      </c>
      <c r="BF2" s="1" t="s">
        <v>675</v>
      </c>
      <c r="BG2" s="1" t="s">
        <v>730</v>
      </c>
      <c r="BH2" s="1" t="s">
        <v>731</v>
      </c>
      <c r="BI2" s="1" t="s">
        <v>676</v>
      </c>
      <c r="BJ2" s="1" t="s">
        <v>677</v>
      </c>
      <c r="BK2" s="1" t="s">
        <v>678</v>
      </c>
      <c r="BL2" s="1" t="s">
        <v>679</v>
      </c>
      <c r="BM2" s="1" t="s">
        <v>680</v>
      </c>
      <c r="BN2" s="1" t="s">
        <v>681</v>
      </c>
      <c r="BO2" s="1" t="s">
        <v>682</v>
      </c>
      <c r="BP2" s="1" t="s">
        <v>683</v>
      </c>
      <c r="BQ2" s="1" t="s">
        <v>684</v>
      </c>
      <c r="BR2" s="1" t="s">
        <v>685</v>
      </c>
      <c r="BS2" s="1" t="s">
        <v>686</v>
      </c>
      <c r="BT2" s="1" t="s">
        <v>687</v>
      </c>
      <c r="BU2" s="1" t="s">
        <v>688</v>
      </c>
      <c r="BV2" s="1" t="s">
        <v>689</v>
      </c>
      <c r="BW2" s="1" t="s">
        <v>690</v>
      </c>
      <c r="BX2" s="1" t="s">
        <v>691</v>
      </c>
      <c r="BY2" s="1" t="s">
        <v>692</v>
      </c>
      <c r="BZ2" s="1" t="s">
        <v>736</v>
      </c>
    </row>
    <row r="3" spans="1:78" x14ac:dyDescent="0.15">
      <c r="A3" s="1" t="s">
        <v>698</v>
      </c>
      <c r="B3" s="1" t="s">
        <v>699</v>
      </c>
      <c r="C3" s="1"/>
      <c r="D3" s="1"/>
      <c r="E3" s="1"/>
      <c r="F3" s="1" t="s">
        <v>700</v>
      </c>
      <c r="G3" s="1" t="s">
        <v>700</v>
      </c>
      <c r="H3" s="1" t="s">
        <v>701</v>
      </c>
      <c r="I3" s="1" t="s">
        <v>24</v>
      </c>
      <c r="J3" s="1" t="s">
        <v>702</v>
      </c>
      <c r="K3" s="1" t="s">
        <v>702</v>
      </c>
      <c r="L3" s="1" t="s">
        <v>703</v>
      </c>
      <c r="M3" s="1" t="s">
        <v>702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2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37</v>
      </c>
      <c r="BP3" s="1" t="s">
        <v>25</v>
      </c>
      <c r="BQ3" s="1" t="s">
        <v>738</v>
      </c>
      <c r="BR3" s="1" t="s">
        <v>25</v>
      </c>
      <c r="BS3" s="1" t="s">
        <v>25</v>
      </c>
      <c r="BT3" s="1" t="s">
        <v>74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94</v>
      </c>
      <c r="B4" s="2">
        <v>0.4770833333333333</v>
      </c>
      <c r="C4" s="1" t="s">
        <v>704</v>
      </c>
      <c r="D4" s="1" t="s">
        <v>195</v>
      </c>
      <c r="F4" s="1" t="s">
        <v>337</v>
      </c>
      <c r="G4" s="1" t="s">
        <v>481</v>
      </c>
      <c r="H4" s="1" t="s">
        <v>88</v>
      </c>
      <c r="I4" s="1" t="s">
        <v>585</v>
      </c>
      <c r="J4" s="1" t="s">
        <v>211</v>
      </c>
      <c r="K4" s="1" t="s">
        <v>586</v>
      </c>
      <c r="L4" s="1" t="s">
        <v>35</v>
      </c>
      <c r="N4" s="1" t="s">
        <v>36</v>
      </c>
      <c r="O4" s="1" t="s">
        <v>235</v>
      </c>
      <c r="P4" s="1" t="s">
        <v>38</v>
      </c>
      <c r="Q4" s="1" t="s">
        <v>77</v>
      </c>
      <c r="R4" s="1" t="s">
        <v>144</v>
      </c>
      <c r="S4" s="1" t="s">
        <v>291</v>
      </c>
      <c r="T4" s="1" t="s">
        <v>303</v>
      </c>
      <c r="U4" s="1">
        <v>9.5</v>
      </c>
      <c r="V4" s="3">
        <v>4900</v>
      </c>
      <c r="W4" s="1"/>
      <c r="X4" s="1">
        <v>1.1000000000000001</v>
      </c>
      <c r="Y4" s="1">
        <v>0.1</v>
      </c>
      <c r="Z4" s="1">
        <v>7.7999999999999996E-3</v>
      </c>
      <c r="AA4" s="1"/>
      <c r="AB4" s="1"/>
      <c r="AC4" s="1" t="s">
        <v>722</v>
      </c>
      <c r="AD4" s="1" t="s">
        <v>723</v>
      </c>
      <c r="AE4" s="1" t="s">
        <v>724</v>
      </c>
      <c r="AF4" s="1" t="s">
        <v>725</v>
      </c>
      <c r="AG4" s="1" t="s">
        <v>724</v>
      </c>
      <c r="AH4" s="1" t="s">
        <v>724</v>
      </c>
      <c r="AI4" s="1"/>
      <c r="AJ4" s="1"/>
      <c r="AK4" s="1"/>
      <c r="AL4" s="1" t="s">
        <v>727</v>
      </c>
      <c r="AM4" s="1"/>
      <c r="AN4" s="1"/>
      <c r="AO4" s="1"/>
      <c r="AP4" t="s">
        <v>727</v>
      </c>
      <c r="AQ4" s="1"/>
      <c r="AR4" s="1" t="s">
        <v>727</v>
      </c>
      <c r="AS4" s="1" t="s">
        <v>727</v>
      </c>
      <c r="AT4" s="1"/>
      <c r="AU4" s="1"/>
      <c r="AV4" s="1"/>
      <c r="AW4" s="1"/>
      <c r="AX4" s="1"/>
      <c r="AY4" s="1"/>
      <c r="AZ4" s="1" t="s">
        <v>732</v>
      </c>
      <c r="BA4" s="1">
        <v>1.4999999999999999E-2</v>
      </c>
      <c r="BB4" s="1" t="s">
        <v>734</v>
      </c>
      <c r="BC4" s="1">
        <v>0.96</v>
      </c>
      <c r="BD4" s="1">
        <v>1</v>
      </c>
      <c r="BE4" s="1"/>
      <c r="BF4" s="1" t="s">
        <v>733</v>
      </c>
      <c r="BG4" s="1">
        <v>3.0999999999999999E-3</v>
      </c>
      <c r="BH4" s="1" t="s">
        <v>725</v>
      </c>
      <c r="BI4" s="1" t="s">
        <v>723</v>
      </c>
      <c r="BJ4" s="1"/>
      <c r="BK4" s="1"/>
      <c r="BL4" s="1"/>
      <c r="BM4" s="1">
        <v>0.05</v>
      </c>
      <c r="BN4" s="1">
        <v>8.6999999999999994E-2</v>
      </c>
      <c r="BO4" s="1">
        <v>17</v>
      </c>
      <c r="BP4" s="1">
        <v>5.4</v>
      </c>
      <c r="BQ4" s="1"/>
      <c r="BR4" s="1" t="s">
        <v>741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875</v>
      </c>
      <c r="C5" s="1" t="s">
        <v>704</v>
      </c>
      <c r="D5" s="1" t="s">
        <v>64</v>
      </c>
      <c r="F5" s="1" t="s">
        <v>147</v>
      </c>
      <c r="G5" s="1" t="s">
        <v>327</v>
      </c>
      <c r="H5" s="1" t="s">
        <v>115</v>
      </c>
      <c r="I5" s="1" t="s">
        <v>587</v>
      </c>
      <c r="J5" s="1" t="s">
        <v>232</v>
      </c>
      <c r="K5" s="1" t="s">
        <v>569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50</v>
      </c>
      <c r="R5" s="1" t="s">
        <v>111</v>
      </c>
      <c r="S5" s="1" t="s">
        <v>150</v>
      </c>
      <c r="T5" s="1" t="s">
        <v>197</v>
      </c>
      <c r="U5" s="1">
        <v>9.199999999999999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6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4791666666666663</v>
      </c>
      <c r="C6" s="1" t="s">
        <v>704</v>
      </c>
      <c r="D6" s="1" t="s">
        <v>64</v>
      </c>
      <c r="F6" s="1" t="s">
        <v>98</v>
      </c>
      <c r="G6" s="1" t="s">
        <v>129</v>
      </c>
      <c r="H6" s="1" t="s">
        <v>115</v>
      </c>
      <c r="I6" s="1" t="s">
        <v>588</v>
      </c>
      <c r="J6" s="1" t="s">
        <v>232</v>
      </c>
      <c r="K6" s="1" t="s">
        <v>589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127</v>
      </c>
      <c r="R6" s="1" t="s">
        <v>135</v>
      </c>
      <c r="S6" s="1" t="s">
        <v>291</v>
      </c>
      <c r="T6" s="1" t="s">
        <v>128</v>
      </c>
      <c r="U6" s="1">
        <v>8.6</v>
      </c>
      <c r="V6" s="1"/>
      <c r="W6" s="1"/>
      <c r="X6" s="1">
        <v>1.1000000000000001</v>
      </c>
      <c r="Y6" s="1">
        <v>9.6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6</v>
      </c>
      <c r="BP6" s="1">
        <v>5.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03</v>
      </c>
      <c r="B7" s="2">
        <v>0.18055555555555555</v>
      </c>
      <c r="C7" s="1" t="s">
        <v>704</v>
      </c>
      <c r="D7" s="1" t="s">
        <v>64</v>
      </c>
      <c r="F7" s="1" t="s">
        <v>330</v>
      </c>
      <c r="G7" s="1" t="s">
        <v>99</v>
      </c>
      <c r="H7" s="1" t="s">
        <v>115</v>
      </c>
      <c r="I7" s="1" t="s">
        <v>590</v>
      </c>
      <c r="J7" s="1" t="s">
        <v>232</v>
      </c>
      <c r="K7" s="1" t="s">
        <v>569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39</v>
      </c>
      <c r="R7" s="1" t="s">
        <v>144</v>
      </c>
      <c r="S7" s="1" t="s">
        <v>167</v>
      </c>
      <c r="T7" s="1" t="s">
        <v>128</v>
      </c>
      <c r="U7" s="1">
        <v>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6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07</v>
      </c>
      <c r="B8" s="2">
        <v>0.47569444444444442</v>
      </c>
      <c r="C8" s="1" t="s">
        <v>704</v>
      </c>
      <c r="D8" s="1" t="s">
        <v>27</v>
      </c>
      <c r="E8" s="1" t="s">
        <v>28</v>
      </c>
      <c r="F8" s="1" t="s">
        <v>428</v>
      </c>
      <c r="G8" s="1" t="s">
        <v>384</v>
      </c>
      <c r="H8" s="1" t="s">
        <v>110</v>
      </c>
      <c r="I8" s="1" t="s">
        <v>591</v>
      </c>
      <c r="J8" s="1" t="s">
        <v>120</v>
      </c>
      <c r="K8" s="1" t="s">
        <v>188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60</v>
      </c>
      <c r="R8" s="1" t="s">
        <v>96</v>
      </c>
      <c r="S8" s="1" t="s">
        <v>278</v>
      </c>
      <c r="T8" s="1" t="s">
        <v>284</v>
      </c>
      <c r="U8" s="1">
        <v>8.5</v>
      </c>
      <c r="V8" s="3">
        <v>11000</v>
      </c>
      <c r="W8" s="1"/>
      <c r="X8" s="1">
        <v>0.95</v>
      </c>
      <c r="Y8" s="1">
        <v>8.1000000000000003E-2</v>
      </c>
      <c r="Z8" s="1">
        <v>1.2999999999999999E-3</v>
      </c>
      <c r="AA8" s="1"/>
      <c r="AB8" s="1"/>
      <c r="AC8" s="1" t="s">
        <v>722</v>
      </c>
      <c r="AD8" s="1" t="s">
        <v>723</v>
      </c>
      <c r="AE8" s="1" t="s">
        <v>724</v>
      </c>
      <c r="AF8" s="1" t="s">
        <v>725</v>
      </c>
      <c r="AG8" s="1" t="s">
        <v>724</v>
      </c>
      <c r="AH8" s="1" t="s">
        <v>724</v>
      </c>
      <c r="AI8" s="1"/>
      <c r="AJ8" s="1"/>
      <c r="AK8" s="1"/>
      <c r="AL8" s="1" t="s">
        <v>727</v>
      </c>
      <c r="AM8" s="1"/>
      <c r="AN8" s="1"/>
      <c r="AO8" s="1"/>
      <c r="AP8" t="s">
        <v>727</v>
      </c>
      <c r="AQ8" s="1"/>
      <c r="AR8" s="1" t="s">
        <v>727</v>
      </c>
      <c r="AS8" s="1" t="s">
        <v>727</v>
      </c>
      <c r="AT8" s="1"/>
      <c r="AU8" s="1"/>
      <c r="AV8" s="1"/>
      <c r="AW8" s="1"/>
      <c r="AX8" s="1"/>
      <c r="AY8" s="1"/>
      <c r="AZ8" s="1"/>
      <c r="BA8" s="1"/>
      <c r="BB8" s="1" t="s">
        <v>734</v>
      </c>
      <c r="BC8" s="1">
        <v>0.78</v>
      </c>
      <c r="BD8" s="1">
        <v>0.83</v>
      </c>
      <c r="BE8" s="1"/>
      <c r="BF8" s="1"/>
      <c r="BG8" s="1"/>
      <c r="BH8" s="1"/>
      <c r="BI8" s="1"/>
      <c r="BJ8" s="1"/>
      <c r="BK8" s="1"/>
      <c r="BL8" s="1"/>
      <c r="BM8" s="1" t="s">
        <v>739</v>
      </c>
      <c r="BN8" s="1">
        <v>5.7000000000000002E-2</v>
      </c>
      <c r="BO8" s="1">
        <v>16</v>
      </c>
      <c r="BP8" s="1">
        <v>4.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8055555555555547</v>
      </c>
      <c r="C9" s="1" t="s">
        <v>704</v>
      </c>
      <c r="D9" s="1" t="s">
        <v>27</v>
      </c>
      <c r="E9" s="1" t="s">
        <v>28</v>
      </c>
      <c r="F9" s="1" t="s">
        <v>400</v>
      </c>
      <c r="G9" s="1" t="s">
        <v>85</v>
      </c>
      <c r="H9" s="1" t="s">
        <v>288</v>
      </c>
      <c r="I9" s="1" t="s">
        <v>592</v>
      </c>
      <c r="J9" s="1" t="s">
        <v>108</v>
      </c>
      <c r="K9" s="1" t="s">
        <v>531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50</v>
      </c>
      <c r="R9" s="1" t="s">
        <v>52</v>
      </c>
      <c r="S9" s="1" t="s">
        <v>557</v>
      </c>
      <c r="T9" s="1" t="s">
        <v>128</v>
      </c>
      <c r="U9" s="1">
        <v>8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5486111111111116</v>
      </c>
      <c r="C10" s="1" t="s">
        <v>704</v>
      </c>
      <c r="D10" s="1" t="s">
        <v>27</v>
      </c>
      <c r="E10" s="1" t="s">
        <v>28</v>
      </c>
      <c r="F10" s="1" t="s">
        <v>218</v>
      </c>
      <c r="G10" s="1" t="s">
        <v>389</v>
      </c>
      <c r="H10" s="1" t="s">
        <v>531</v>
      </c>
      <c r="I10" s="1" t="s">
        <v>593</v>
      </c>
      <c r="J10" s="1" t="s">
        <v>108</v>
      </c>
      <c r="K10" s="1" t="s">
        <v>110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127</v>
      </c>
      <c r="R10" s="1" t="s">
        <v>40</v>
      </c>
      <c r="S10" s="1" t="s">
        <v>167</v>
      </c>
      <c r="T10" s="1" t="s">
        <v>128</v>
      </c>
      <c r="U10" s="1">
        <v>8</v>
      </c>
      <c r="V10" s="1"/>
      <c r="W10" s="1"/>
      <c r="X10" s="1">
        <v>0.91</v>
      </c>
      <c r="Y10" s="1">
        <v>0.08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5</v>
      </c>
      <c r="BP10" s="1">
        <v>4.3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21</v>
      </c>
      <c r="B11" s="2">
        <v>0.19791666666666666</v>
      </c>
      <c r="C11" s="1" t="s">
        <v>704</v>
      </c>
      <c r="D11" s="1" t="s">
        <v>27</v>
      </c>
      <c r="E11" s="1" t="s">
        <v>28</v>
      </c>
      <c r="F11" s="1" t="s">
        <v>226</v>
      </c>
      <c r="G11" s="1" t="s">
        <v>327</v>
      </c>
      <c r="H11" s="1" t="s">
        <v>288</v>
      </c>
      <c r="I11" s="1" t="s">
        <v>594</v>
      </c>
      <c r="J11" s="1" t="s">
        <v>108</v>
      </c>
      <c r="K11" s="1" t="s">
        <v>531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127</v>
      </c>
      <c r="R11" s="1" t="s">
        <v>52</v>
      </c>
      <c r="S11" s="1" t="s">
        <v>167</v>
      </c>
      <c r="T11" s="1" t="s">
        <v>128</v>
      </c>
      <c r="U11" s="1">
        <v>8.1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5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25</v>
      </c>
      <c r="B12" s="2">
        <v>0.47569444444444442</v>
      </c>
      <c r="C12" s="1" t="s">
        <v>704</v>
      </c>
      <c r="D12" s="1" t="s">
        <v>195</v>
      </c>
      <c r="E12" s="1" t="s">
        <v>28</v>
      </c>
      <c r="F12" s="1" t="s">
        <v>173</v>
      </c>
      <c r="G12" s="1" t="s">
        <v>336</v>
      </c>
      <c r="J12" s="1" t="s">
        <v>232</v>
      </c>
      <c r="K12" s="1" t="s">
        <v>233</v>
      </c>
      <c r="L12" s="1" t="s">
        <v>595</v>
      </c>
      <c r="N12" s="1" t="s">
        <v>36</v>
      </c>
      <c r="O12" s="1" t="s">
        <v>235</v>
      </c>
      <c r="P12" s="1" t="s">
        <v>38</v>
      </c>
      <c r="Q12" s="1" t="s">
        <v>69</v>
      </c>
      <c r="R12" s="1" t="s">
        <v>111</v>
      </c>
      <c r="S12" s="1" t="s">
        <v>596</v>
      </c>
      <c r="T12" s="1" t="s">
        <v>503</v>
      </c>
      <c r="U12" s="1">
        <v>8.9</v>
      </c>
      <c r="V12" s="3">
        <v>13000</v>
      </c>
      <c r="W12" s="1"/>
      <c r="X12" s="1">
        <v>1</v>
      </c>
      <c r="Y12" s="1">
        <v>0.1</v>
      </c>
      <c r="Z12" s="1">
        <v>4.7000000000000002E-3</v>
      </c>
      <c r="AA12" s="1"/>
      <c r="AB12" s="1"/>
      <c r="AC12" s="1" t="s">
        <v>722</v>
      </c>
      <c r="AD12" s="1" t="s">
        <v>723</v>
      </c>
      <c r="AE12" s="1" t="s">
        <v>724</v>
      </c>
      <c r="AF12" s="1" t="s">
        <v>725</v>
      </c>
      <c r="AG12" s="1" t="s">
        <v>724</v>
      </c>
      <c r="AH12" s="1" t="s">
        <v>724</v>
      </c>
      <c r="AI12" s="1"/>
      <c r="AJ12" s="1"/>
      <c r="AK12" s="1"/>
      <c r="AL12" s="1" t="s">
        <v>727</v>
      </c>
      <c r="AM12" s="1"/>
      <c r="AN12" s="1"/>
      <c r="AO12" s="1"/>
      <c r="AP12" t="s">
        <v>727</v>
      </c>
      <c r="AQ12" s="1"/>
      <c r="AR12" s="1" t="s">
        <v>727</v>
      </c>
      <c r="AS12" s="1" t="s">
        <v>727</v>
      </c>
      <c r="AT12" s="1"/>
      <c r="AU12" s="1"/>
      <c r="AV12" s="1"/>
      <c r="AW12" s="1"/>
      <c r="AX12" s="1"/>
      <c r="AY12" s="1"/>
      <c r="AZ12" s="1" t="s">
        <v>732</v>
      </c>
      <c r="BA12" s="1">
        <v>1.7000000000000001E-2</v>
      </c>
      <c r="BB12" s="1" t="s">
        <v>734</v>
      </c>
      <c r="BC12" s="1">
        <v>0.83</v>
      </c>
      <c r="BD12" s="1">
        <v>0.88</v>
      </c>
      <c r="BE12" s="1"/>
      <c r="BF12" s="1" t="s">
        <v>733</v>
      </c>
      <c r="BG12" s="1">
        <v>4.7999999999999996E-3</v>
      </c>
      <c r="BH12" s="1" t="s">
        <v>725</v>
      </c>
      <c r="BI12" s="1" t="s">
        <v>723</v>
      </c>
      <c r="BJ12" s="1"/>
      <c r="BK12" s="1"/>
      <c r="BL12" s="1"/>
      <c r="BM12" s="1" t="s">
        <v>739</v>
      </c>
      <c r="BN12" s="1">
        <v>7.0000000000000007E-2</v>
      </c>
      <c r="BO12" s="1">
        <v>17</v>
      </c>
      <c r="BP12" s="1">
        <v>4.9000000000000004</v>
      </c>
      <c r="BQ12" s="1"/>
      <c r="BR12" s="1" t="s">
        <v>741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7361111111111116</v>
      </c>
      <c r="C13" s="1" t="s">
        <v>704</v>
      </c>
      <c r="D13" s="1" t="s">
        <v>195</v>
      </c>
      <c r="E13" s="1" t="s">
        <v>28</v>
      </c>
      <c r="F13" s="1" t="s">
        <v>230</v>
      </c>
      <c r="G13" s="1" t="s">
        <v>432</v>
      </c>
      <c r="J13" s="1" t="s">
        <v>87</v>
      </c>
      <c r="K13" s="1" t="s">
        <v>115</v>
      </c>
      <c r="L13" s="1" t="s">
        <v>597</v>
      </c>
      <c r="N13" s="1" t="s">
        <v>36</v>
      </c>
      <c r="O13" s="1" t="s">
        <v>277</v>
      </c>
      <c r="P13" s="1" t="s">
        <v>38</v>
      </c>
      <c r="Q13" s="1" t="s">
        <v>69</v>
      </c>
      <c r="R13" s="1" t="s">
        <v>41</v>
      </c>
      <c r="S13" s="1" t="s">
        <v>598</v>
      </c>
      <c r="T13" s="1" t="s">
        <v>503</v>
      </c>
      <c r="U13" s="1">
        <v>8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375</v>
      </c>
      <c r="C14" s="1" t="s">
        <v>704</v>
      </c>
      <c r="D14" s="1" t="s">
        <v>195</v>
      </c>
      <c r="E14" s="1" t="s">
        <v>28</v>
      </c>
      <c r="F14" s="1" t="s">
        <v>306</v>
      </c>
      <c r="G14" s="1" t="s">
        <v>392</v>
      </c>
      <c r="J14" s="1" t="s">
        <v>87</v>
      </c>
      <c r="K14" s="1" t="s">
        <v>489</v>
      </c>
      <c r="L14" s="1" t="s">
        <v>35</v>
      </c>
      <c r="N14" s="1" t="s">
        <v>36</v>
      </c>
      <c r="O14" s="1" t="s">
        <v>235</v>
      </c>
      <c r="P14" s="1" t="s">
        <v>38</v>
      </c>
      <c r="Q14" s="1" t="s">
        <v>241</v>
      </c>
      <c r="R14" s="1" t="s">
        <v>52</v>
      </c>
      <c r="S14" s="1" t="s">
        <v>236</v>
      </c>
      <c r="T14" s="1" t="s">
        <v>303</v>
      </c>
      <c r="U14" s="1">
        <v>8</v>
      </c>
      <c r="V14" s="1"/>
      <c r="W14" s="1"/>
      <c r="X14" s="1">
        <v>0.93</v>
      </c>
      <c r="Y14" s="1">
        <v>9.4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4</v>
      </c>
      <c r="BP14" s="1">
        <v>4.3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245</v>
      </c>
      <c r="B15" s="2">
        <v>0.17708333333333334</v>
      </c>
      <c r="C15" s="1" t="s">
        <v>704</v>
      </c>
      <c r="D15" s="1" t="s">
        <v>195</v>
      </c>
      <c r="E15" s="1" t="s">
        <v>28</v>
      </c>
      <c r="F15" s="1" t="s">
        <v>147</v>
      </c>
      <c r="G15" s="1" t="s">
        <v>177</v>
      </c>
      <c r="J15" s="1" t="s">
        <v>87</v>
      </c>
      <c r="K15" s="1" t="s">
        <v>115</v>
      </c>
      <c r="L15" s="1" t="s">
        <v>35</v>
      </c>
      <c r="N15" s="1" t="s">
        <v>36</v>
      </c>
      <c r="O15" s="1" t="s">
        <v>235</v>
      </c>
      <c r="P15" s="1" t="s">
        <v>38</v>
      </c>
      <c r="Q15" s="1" t="s">
        <v>241</v>
      </c>
      <c r="R15" s="1" t="s">
        <v>70</v>
      </c>
      <c r="S15" s="1" t="s">
        <v>236</v>
      </c>
      <c r="T15" s="1" t="s">
        <v>197</v>
      </c>
      <c r="U15" s="1">
        <v>8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5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63</v>
      </c>
      <c r="B16" s="2">
        <v>0.46527777777777773</v>
      </c>
      <c r="C16" s="1" t="s">
        <v>704</v>
      </c>
      <c r="D16" s="1" t="s">
        <v>64</v>
      </c>
      <c r="E16" s="1" t="s">
        <v>28</v>
      </c>
      <c r="F16" s="1" t="s">
        <v>285</v>
      </c>
      <c r="G16" s="1" t="s">
        <v>44</v>
      </c>
      <c r="H16" s="1" t="s">
        <v>252</v>
      </c>
      <c r="I16" s="1" t="s">
        <v>599</v>
      </c>
      <c r="J16" s="1" t="s">
        <v>87</v>
      </c>
      <c r="K16" s="1" t="s">
        <v>489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77</v>
      </c>
      <c r="R16" s="1" t="s">
        <v>70</v>
      </c>
      <c r="S16" s="1" t="s">
        <v>520</v>
      </c>
      <c r="T16" s="1" t="s">
        <v>128</v>
      </c>
      <c r="U16" s="1">
        <v>7.8</v>
      </c>
      <c r="V16" s="3">
        <v>33000</v>
      </c>
      <c r="W16" s="1"/>
      <c r="X16" s="1">
        <v>0.86</v>
      </c>
      <c r="Y16" s="1">
        <v>0.09</v>
      </c>
      <c r="Z16" s="1">
        <v>1.6000000000000001E-3</v>
      </c>
      <c r="AA16" s="1"/>
      <c r="AB16" s="1"/>
      <c r="AC16" s="1" t="s">
        <v>722</v>
      </c>
      <c r="AD16" s="1" t="s">
        <v>723</v>
      </c>
      <c r="AE16" s="1" t="s">
        <v>724</v>
      </c>
      <c r="AF16" s="1" t="s">
        <v>725</v>
      </c>
      <c r="AG16" s="1" t="s">
        <v>724</v>
      </c>
      <c r="AH16" s="1" t="s">
        <v>724</v>
      </c>
      <c r="AI16" s="1"/>
      <c r="AJ16" s="1"/>
      <c r="AK16" s="1"/>
      <c r="AL16" s="1" t="s">
        <v>727</v>
      </c>
      <c r="AM16" s="1"/>
      <c r="AN16" s="1"/>
      <c r="AO16" s="1"/>
      <c r="AP16" t="s">
        <v>727</v>
      </c>
      <c r="AQ16" s="1"/>
      <c r="AR16" s="1" t="s">
        <v>727</v>
      </c>
      <c r="AS16" s="1" t="s">
        <v>727</v>
      </c>
      <c r="AT16" s="1"/>
      <c r="AU16" s="1" t="s">
        <v>724</v>
      </c>
      <c r="AV16" s="1" t="s">
        <v>722</v>
      </c>
      <c r="AW16" s="1" t="s">
        <v>722</v>
      </c>
      <c r="AX16" s="1"/>
      <c r="AY16" s="1"/>
      <c r="AZ16" s="1"/>
      <c r="BA16" s="1"/>
      <c r="BB16" s="1" t="s">
        <v>734</v>
      </c>
      <c r="BC16" s="1">
        <v>0.66</v>
      </c>
      <c r="BD16" s="1">
        <v>0.71</v>
      </c>
      <c r="BE16" s="1"/>
      <c r="BF16" s="1"/>
      <c r="BG16" s="1"/>
      <c r="BH16" s="1"/>
      <c r="BI16" s="1"/>
      <c r="BJ16" s="1"/>
      <c r="BK16" s="1"/>
      <c r="BL16" s="1"/>
      <c r="BM16" s="1" t="s">
        <v>739</v>
      </c>
      <c r="BN16" s="1">
        <v>7.3999999999999996E-2</v>
      </c>
      <c r="BO16" s="1">
        <v>17</v>
      </c>
      <c r="BP16" s="1">
        <v>4.5999999999999996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7708333333333337</v>
      </c>
      <c r="C17" s="1" t="s">
        <v>704</v>
      </c>
      <c r="D17" s="1" t="s">
        <v>64</v>
      </c>
      <c r="E17" s="1" t="s">
        <v>28</v>
      </c>
      <c r="F17" s="1" t="s">
        <v>600</v>
      </c>
      <c r="G17" s="1" t="s">
        <v>491</v>
      </c>
      <c r="H17" s="1" t="s">
        <v>220</v>
      </c>
      <c r="I17" s="1" t="s">
        <v>601</v>
      </c>
      <c r="J17" s="1" t="s">
        <v>108</v>
      </c>
      <c r="K17" s="1" t="s">
        <v>283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77</v>
      </c>
      <c r="R17" s="1" t="s">
        <v>61</v>
      </c>
      <c r="S17" s="1" t="s">
        <v>399</v>
      </c>
      <c r="T17" s="1" t="s">
        <v>303</v>
      </c>
      <c r="U17" s="1">
        <v>7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6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5138888888888884</v>
      </c>
      <c r="C18" s="1" t="s">
        <v>704</v>
      </c>
      <c r="D18" s="1" t="s">
        <v>64</v>
      </c>
      <c r="E18" s="1" t="s">
        <v>28</v>
      </c>
      <c r="F18" s="1" t="s">
        <v>602</v>
      </c>
      <c r="G18" s="1" t="s">
        <v>85</v>
      </c>
      <c r="H18" s="1" t="s">
        <v>220</v>
      </c>
      <c r="I18" s="1" t="s">
        <v>603</v>
      </c>
      <c r="J18" s="1" t="s">
        <v>108</v>
      </c>
      <c r="K18" s="1" t="s">
        <v>288</v>
      </c>
      <c r="L18" s="1" t="s">
        <v>35</v>
      </c>
      <c r="N18" s="1" t="s">
        <v>36</v>
      </c>
      <c r="O18" s="1" t="s">
        <v>37</v>
      </c>
      <c r="P18" s="1" t="s">
        <v>38</v>
      </c>
      <c r="Q18" s="1" t="s">
        <v>241</v>
      </c>
      <c r="R18" s="1" t="s">
        <v>61</v>
      </c>
      <c r="S18" s="1" t="s">
        <v>346</v>
      </c>
      <c r="T18" s="1" t="s">
        <v>284</v>
      </c>
      <c r="U18" s="1">
        <v>7.6</v>
      </c>
      <c r="V18" s="1"/>
      <c r="W18" s="1"/>
      <c r="X18" s="1">
        <v>0.9</v>
      </c>
      <c r="Y18" s="1">
        <v>0.1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7</v>
      </c>
      <c r="BP18" s="1">
        <v>4.7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263</v>
      </c>
      <c r="B19" s="2">
        <v>0.20138888888888887</v>
      </c>
      <c r="C19" s="1" t="s">
        <v>704</v>
      </c>
      <c r="D19" s="1" t="s">
        <v>64</v>
      </c>
      <c r="E19" s="1" t="s">
        <v>28</v>
      </c>
      <c r="F19" s="1" t="s">
        <v>318</v>
      </c>
      <c r="G19" s="1" t="s">
        <v>581</v>
      </c>
      <c r="H19" s="1" t="s">
        <v>220</v>
      </c>
      <c r="I19" s="1" t="s">
        <v>604</v>
      </c>
      <c r="J19" s="1" t="s">
        <v>108</v>
      </c>
      <c r="K19" s="1" t="s">
        <v>283</v>
      </c>
      <c r="L19" s="1" t="s">
        <v>35</v>
      </c>
      <c r="N19" s="1" t="s">
        <v>36</v>
      </c>
      <c r="O19" s="1" t="s">
        <v>277</v>
      </c>
      <c r="P19" s="1" t="s">
        <v>38</v>
      </c>
      <c r="Q19" s="1" t="s">
        <v>241</v>
      </c>
      <c r="R19" s="1" t="s">
        <v>41</v>
      </c>
      <c r="S19" s="1" t="s">
        <v>346</v>
      </c>
      <c r="T19" s="1" t="s">
        <v>279</v>
      </c>
      <c r="U19" s="1">
        <v>7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272</v>
      </c>
      <c r="B20" s="2">
        <v>0.46875</v>
      </c>
      <c r="C20" s="1" t="s">
        <v>704</v>
      </c>
      <c r="D20" s="1" t="s">
        <v>27</v>
      </c>
      <c r="E20" s="1" t="s">
        <v>28</v>
      </c>
      <c r="F20" s="1" t="s">
        <v>419</v>
      </c>
      <c r="G20" s="1" t="s">
        <v>509</v>
      </c>
      <c r="J20" s="1" t="s">
        <v>76</v>
      </c>
      <c r="K20" s="1" t="s">
        <v>605</v>
      </c>
      <c r="L20" s="1" t="s">
        <v>606</v>
      </c>
      <c r="N20" s="1" t="s">
        <v>36</v>
      </c>
      <c r="O20" s="1" t="s">
        <v>277</v>
      </c>
      <c r="P20" s="1" t="s">
        <v>38</v>
      </c>
      <c r="Q20" s="1" t="s">
        <v>39</v>
      </c>
      <c r="R20" s="1" t="s">
        <v>40</v>
      </c>
      <c r="S20" s="1" t="s">
        <v>346</v>
      </c>
      <c r="T20" s="1" t="s">
        <v>197</v>
      </c>
      <c r="U20" s="1">
        <v>7.9</v>
      </c>
      <c r="V20" s="3">
        <v>22000</v>
      </c>
      <c r="W20" s="1" t="s">
        <v>728</v>
      </c>
      <c r="X20" s="1">
        <v>0.75</v>
      </c>
      <c r="Y20" s="1">
        <v>7.0000000000000007E-2</v>
      </c>
      <c r="Z20" s="1">
        <v>2.7000000000000001E-3</v>
      </c>
      <c r="AA20" s="1"/>
      <c r="AB20" s="1"/>
      <c r="AC20" s="1" t="s">
        <v>722</v>
      </c>
      <c r="AD20" s="1" t="s">
        <v>723</v>
      </c>
      <c r="AE20" s="1" t="s">
        <v>724</v>
      </c>
      <c r="AF20" s="1" t="s">
        <v>725</v>
      </c>
      <c r="AG20" s="1" t="s">
        <v>724</v>
      </c>
      <c r="AH20" s="1" t="s">
        <v>724</v>
      </c>
      <c r="AI20" s="1"/>
      <c r="AJ20" s="1"/>
      <c r="AK20" s="1" t="s">
        <v>727</v>
      </c>
      <c r="AL20" s="1" t="s">
        <v>727</v>
      </c>
      <c r="AM20" s="1" t="s">
        <v>727</v>
      </c>
      <c r="AN20" s="1" t="s">
        <v>727</v>
      </c>
      <c r="AO20" s="1" t="s">
        <v>727</v>
      </c>
      <c r="AP20" t="s">
        <v>727</v>
      </c>
      <c r="AQ20" s="1" t="s">
        <v>727</v>
      </c>
      <c r="AR20" s="1" t="s">
        <v>727</v>
      </c>
      <c r="AS20" s="1" t="s">
        <v>727</v>
      </c>
      <c r="AT20" s="1" t="s">
        <v>735</v>
      </c>
      <c r="AU20" s="1"/>
      <c r="AV20" s="1"/>
      <c r="AW20" s="1"/>
      <c r="AX20" s="1" t="s">
        <v>727</v>
      </c>
      <c r="AY20" s="1" t="s">
        <v>724</v>
      </c>
      <c r="AZ20" s="1" t="s">
        <v>732</v>
      </c>
      <c r="BA20" s="1">
        <v>1.4E-2</v>
      </c>
      <c r="BB20" s="1" t="s">
        <v>734</v>
      </c>
      <c r="BC20" s="1">
        <v>0.56999999999999995</v>
      </c>
      <c r="BD20" s="1">
        <v>0.62</v>
      </c>
      <c r="BE20" s="1"/>
      <c r="BF20" s="1" t="s">
        <v>733</v>
      </c>
      <c r="BG20" s="1">
        <v>7.6E-3</v>
      </c>
      <c r="BH20" s="1" t="s">
        <v>725</v>
      </c>
      <c r="BI20" s="1" t="s">
        <v>723</v>
      </c>
      <c r="BJ20" s="1"/>
      <c r="BK20" s="1"/>
      <c r="BL20" s="1" t="s">
        <v>740</v>
      </c>
      <c r="BM20" s="1">
        <v>0.04</v>
      </c>
      <c r="BN20" s="1">
        <v>6.2E-2</v>
      </c>
      <c r="BO20" s="1">
        <v>16</v>
      </c>
      <c r="BP20" s="1">
        <v>3.8</v>
      </c>
      <c r="BQ20" s="1"/>
      <c r="BR20" s="1" t="s">
        <v>741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704</v>
      </c>
      <c r="D21" s="1" t="s">
        <v>27</v>
      </c>
      <c r="E21" s="1" t="s">
        <v>28</v>
      </c>
      <c r="F21" s="1" t="s">
        <v>607</v>
      </c>
      <c r="G21" s="1" t="s">
        <v>608</v>
      </c>
      <c r="J21" s="1" t="s">
        <v>86</v>
      </c>
      <c r="K21" s="1" t="s">
        <v>100</v>
      </c>
      <c r="L21" s="1" t="s">
        <v>485</v>
      </c>
      <c r="N21" s="1" t="s">
        <v>36</v>
      </c>
      <c r="O21" s="1" t="s">
        <v>277</v>
      </c>
      <c r="P21" s="1" t="s">
        <v>38</v>
      </c>
      <c r="Q21" s="1" t="s">
        <v>50</v>
      </c>
      <c r="R21" s="1" t="s">
        <v>78</v>
      </c>
      <c r="S21" s="1" t="s">
        <v>346</v>
      </c>
      <c r="T21" s="1" t="s">
        <v>303</v>
      </c>
      <c r="U21" s="1">
        <v>7.7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3055555555555547</v>
      </c>
      <c r="C22" s="1" t="s">
        <v>704</v>
      </c>
      <c r="D22" s="1" t="s">
        <v>27</v>
      </c>
      <c r="E22" s="1" t="s">
        <v>28</v>
      </c>
      <c r="F22" s="1" t="s">
        <v>406</v>
      </c>
      <c r="G22" s="1" t="s">
        <v>491</v>
      </c>
      <c r="J22" s="1" t="s">
        <v>76</v>
      </c>
      <c r="K22" s="1" t="s">
        <v>93</v>
      </c>
      <c r="L22" s="1" t="s">
        <v>508</v>
      </c>
      <c r="N22" s="1" t="s">
        <v>36</v>
      </c>
      <c r="O22" s="1" t="s">
        <v>277</v>
      </c>
      <c r="P22" s="1" t="s">
        <v>38</v>
      </c>
      <c r="Q22" s="1" t="s">
        <v>241</v>
      </c>
      <c r="R22" s="1" t="s">
        <v>78</v>
      </c>
      <c r="S22" s="1" t="s">
        <v>278</v>
      </c>
      <c r="T22" s="1" t="s">
        <v>128</v>
      </c>
      <c r="U22" s="1">
        <v>7.7</v>
      </c>
      <c r="V22" s="1"/>
      <c r="W22" s="1"/>
      <c r="X22" s="1">
        <v>0.88</v>
      </c>
      <c r="Y22" s="1">
        <v>6.7000000000000004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5</v>
      </c>
      <c r="BP22" s="1">
        <v>4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292</v>
      </c>
      <c r="B23" s="2">
        <v>0.1875</v>
      </c>
      <c r="C23" s="1" t="s">
        <v>704</v>
      </c>
      <c r="D23" s="1" t="s">
        <v>27</v>
      </c>
      <c r="E23" s="1" t="s">
        <v>28</v>
      </c>
      <c r="F23" s="1" t="s">
        <v>138</v>
      </c>
      <c r="G23" s="1" t="s">
        <v>535</v>
      </c>
      <c r="J23" s="1" t="s">
        <v>86</v>
      </c>
      <c r="K23" s="1" t="s">
        <v>57</v>
      </c>
      <c r="L23" s="1" t="s">
        <v>394</v>
      </c>
      <c r="N23" s="1" t="s">
        <v>36</v>
      </c>
      <c r="O23" s="1" t="s">
        <v>277</v>
      </c>
      <c r="P23" s="1" t="s">
        <v>38</v>
      </c>
      <c r="Q23" s="1" t="s">
        <v>127</v>
      </c>
      <c r="R23" s="1" t="s">
        <v>78</v>
      </c>
      <c r="S23" s="1" t="s">
        <v>242</v>
      </c>
      <c r="T23" s="1" t="s">
        <v>303</v>
      </c>
      <c r="U23" s="1">
        <v>7.2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98</v>
      </c>
      <c r="B24" s="2">
        <v>0.46319444444444446</v>
      </c>
      <c r="C24" s="1" t="s">
        <v>704</v>
      </c>
      <c r="D24" s="1" t="s">
        <v>64</v>
      </c>
      <c r="E24" s="1" t="s">
        <v>28</v>
      </c>
      <c r="F24" s="1" t="s">
        <v>286</v>
      </c>
      <c r="G24" s="1" t="s">
        <v>209</v>
      </c>
      <c r="J24" s="1" t="s">
        <v>216</v>
      </c>
      <c r="K24" s="1" t="s">
        <v>220</v>
      </c>
      <c r="L24" s="1" t="s">
        <v>35</v>
      </c>
      <c r="N24" s="1" t="s">
        <v>36</v>
      </c>
      <c r="O24" s="1" t="s">
        <v>235</v>
      </c>
      <c r="P24" s="1" t="s">
        <v>38</v>
      </c>
      <c r="Q24" s="1" t="s">
        <v>39</v>
      </c>
      <c r="R24" s="1" t="s">
        <v>144</v>
      </c>
      <c r="S24" s="1" t="s">
        <v>150</v>
      </c>
      <c r="T24" s="1" t="s">
        <v>128</v>
      </c>
      <c r="U24" s="1">
        <v>8.6</v>
      </c>
      <c r="V24" s="3">
        <v>22000</v>
      </c>
      <c r="W24" s="1"/>
      <c r="X24" s="1">
        <v>0.8</v>
      </c>
      <c r="Y24" s="1">
        <v>7.0000000000000007E-2</v>
      </c>
      <c r="Z24" s="1">
        <v>1.5E-3</v>
      </c>
      <c r="AA24" s="1"/>
      <c r="AB24" s="1"/>
      <c r="AC24" s="1" t="s">
        <v>722</v>
      </c>
      <c r="AD24" s="1" t="s">
        <v>723</v>
      </c>
      <c r="AE24" s="1" t="s">
        <v>724</v>
      </c>
      <c r="AF24" s="1" t="s">
        <v>725</v>
      </c>
      <c r="AG24" s="1" t="s">
        <v>724</v>
      </c>
      <c r="AH24" s="1" t="s">
        <v>724</v>
      </c>
      <c r="AI24" s="1"/>
      <c r="AJ24" s="1"/>
      <c r="AK24" s="1"/>
      <c r="AL24" s="1" t="s">
        <v>727</v>
      </c>
      <c r="AM24" s="1"/>
      <c r="AN24" s="1"/>
      <c r="AO24" s="1"/>
      <c r="AP24" t="s">
        <v>727</v>
      </c>
      <c r="AQ24" s="1"/>
      <c r="AR24" s="1" t="s">
        <v>727</v>
      </c>
      <c r="AS24" s="1" t="s">
        <v>727</v>
      </c>
      <c r="AT24" s="1"/>
      <c r="AU24" s="1"/>
      <c r="AV24" s="1"/>
      <c r="AW24" s="1"/>
      <c r="AX24" s="1"/>
      <c r="AY24" s="1"/>
      <c r="AZ24" s="1"/>
      <c r="BA24" s="1"/>
      <c r="BB24" s="1" t="s">
        <v>734</v>
      </c>
      <c r="BC24" s="1">
        <v>0.74</v>
      </c>
      <c r="BD24" s="1">
        <v>0.79</v>
      </c>
      <c r="BE24" s="1"/>
      <c r="BF24" s="1"/>
      <c r="BG24" s="1"/>
      <c r="BH24" s="1"/>
      <c r="BI24" s="1"/>
      <c r="BJ24" s="1"/>
      <c r="BK24" s="1"/>
      <c r="BL24" s="1"/>
      <c r="BM24" s="1" t="s">
        <v>739</v>
      </c>
      <c r="BN24" s="1">
        <v>6.3E-2</v>
      </c>
      <c r="BO24" s="1">
        <v>15</v>
      </c>
      <c r="BP24" s="1">
        <v>3.8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7013888888888884</v>
      </c>
      <c r="C25" s="1" t="s">
        <v>704</v>
      </c>
      <c r="D25" s="1" t="s">
        <v>64</v>
      </c>
      <c r="E25" s="1" t="s">
        <v>28</v>
      </c>
      <c r="F25" s="1" t="s">
        <v>44</v>
      </c>
      <c r="G25" s="1" t="s">
        <v>173</v>
      </c>
      <c r="J25" s="1" t="s">
        <v>211</v>
      </c>
      <c r="K25" s="1" t="s">
        <v>586</v>
      </c>
      <c r="L25" s="1" t="s">
        <v>35</v>
      </c>
      <c r="N25" s="1" t="s">
        <v>36</v>
      </c>
      <c r="O25" s="1" t="s">
        <v>37</v>
      </c>
      <c r="P25" s="1" t="s">
        <v>38</v>
      </c>
      <c r="Q25" s="1" t="s">
        <v>39</v>
      </c>
      <c r="R25" s="1" t="s">
        <v>41</v>
      </c>
      <c r="S25" s="1" t="s">
        <v>150</v>
      </c>
      <c r="T25" s="1" t="s">
        <v>155</v>
      </c>
      <c r="U25" s="1">
        <v>8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5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375</v>
      </c>
      <c r="C26" s="1" t="s">
        <v>704</v>
      </c>
      <c r="D26" s="1" t="s">
        <v>64</v>
      </c>
      <c r="E26" s="1" t="s">
        <v>28</v>
      </c>
      <c r="F26" s="1" t="s">
        <v>306</v>
      </c>
      <c r="G26" s="1" t="s">
        <v>336</v>
      </c>
      <c r="J26" s="1" t="s">
        <v>211</v>
      </c>
      <c r="K26" s="1" t="s">
        <v>496</v>
      </c>
      <c r="L26" s="1" t="s">
        <v>35</v>
      </c>
      <c r="N26" s="1" t="s">
        <v>36</v>
      </c>
      <c r="O26" s="1" t="s">
        <v>37</v>
      </c>
      <c r="P26" s="1" t="s">
        <v>38</v>
      </c>
      <c r="Q26" s="1" t="s">
        <v>127</v>
      </c>
      <c r="R26" s="1" t="s">
        <v>111</v>
      </c>
      <c r="S26" s="1" t="s">
        <v>150</v>
      </c>
      <c r="T26" s="1" t="s">
        <v>128</v>
      </c>
      <c r="U26" s="1">
        <v>8.1999999999999993</v>
      </c>
      <c r="V26" s="1"/>
      <c r="W26" s="1"/>
      <c r="X26" s="1">
        <v>0.8</v>
      </c>
      <c r="Y26" s="1">
        <v>6.8000000000000005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5</v>
      </c>
      <c r="BP26" s="1">
        <v>4.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11</v>
      </c>
      <c r="B27" s="2">
        <v>0.19097222222222221</v>
      </c>
      <c r="C27" s="1" t="s">
        <v>704</v>
      </c>
      <c r="D27" s="1" t="s">
        <v>64</v>
      </c>
      <c r="E27" s="1" t="s">
        <v>28</v>
      </c>
      <c r="F27" s="1" t="s">
        <v>246</v>
      </c>
      <c r="G27" s="1" t="s">
        <v>320</v>
      </c>
      <c r="J27" s="1" t="s">
        <v>211</v>
      </c>
      <c r="K27" s="1" t="s">
        <v>514</v>
      </c>
      <c r="L27" s="1" t="s">
        <v>35</v>
      </c>
      <c r="N27" s="1" t="s">
        <v>36</v>
      </c>
      <c r="O27" s="1" t="s">
        <v>37</v>
      </c>
      <c r="P27" s="1" t="s">
        <v>38</v>
      </c>
      <c r="Q27" s="1" t="s">
        <v>241</v>
      </c>
      <c r="R27" s="1" t="s">
        <v>135</v>
      </c>
      <c r="S27" s="1" t="s">
        <v>150</v>
      </c>
      <c r="T27" s="1" t="s">
        <v>128</v>
      </c>
      <c r="U27" s="1">
        <v>8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5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15</v>
      </c>
      <c r="B28" s="2">
        <v>0.47013888888888888</v>
      </c>
      <c r="C28" s="1" t="s">
        <v>704</v>
      </c>
      <c r="D28" s="1" t="s">
        <v>27</v>
      </c>
      <c r="E28" s="1" t="s">
        <v>28</v>
      </c>
      <c r="F28" s="1" t="s">
        <v>416</v>
      </c>
      <c r="G28" s="1" t="s">
        <v>173</v>
      </c>
      <c r="J28" s="1" t="s">
        <v>131</v>
      </c>
      <c r="K28" s="1" t="s">
        <v>609</v>
      </c>
      <c r="L28" s="1" t="s">
        <v>610</v>
      </c>
      <c r="N28" s="1" t="s">
        <v>36</v>
      </c>
      <c r="O28" s="1" t="s">
        <v>37</v>
      </c>
      <c r="P28" s="1" t="s">
        <v>38</v>
      </c>
      <c r="Q28" s="1" t="s">
        <v>77</v>
      </c>
      <c r="R28" s="1" t="s">
        <v>70</v>
      </c>
      <c r="S28" s="1" t="s">
        <v>103</v>
      </c>
      <c r="T28" s="1" t="s">
        <v>155</v>
      </c>
      <c r="U28" s="1">
        <v>8.8000000000000007</v>
      </c>
      <c r="V28" s="3">
        <v>7900</v>
      </c>
      <c r="W28" s="1"/>
      <c r="X28" s="1">
        <v>1</v>
      </c>
      <c r="Y28" s="1">
        <v>7.1999999999999995E-2</v>
      </c>
      <c r="Z28" s="1">
        <v>1.1000000000000001E-3</v>
      </c>
      <c r="AC28" s="1" t="s">
        <v>722</v>
      </c>
      <c r="AD28" s="1" t="s">
        <v>723</v>
      </c>
      <c r="AE28" s="1" t="s">
        <v>724</v>
      </c>
      <c r="AF28" s="1" t="s">
        <v>725</v>
      </c>
      <c r="AG28" s="1" t="s">
        <v>724</v>
      </c>
      <c r="AH28" s="1" t="s">
        <v>724</v>
      </c>
      <c r="AI28" s="1"/>
      <c r="AJ28" s="1"/>
      <c r="AK28" s="1"/>
      <c r="AL28" s="1" t="s">
        <v>727</v>
      </c>
      <c r="AM28" s="1"/>
      <c r="AN28" s="1"/>
      <c r="AO28" s="1"/>
      <c r="AP28" t="s">
        <v>727</v>
      </c>
      <c r="AQ28" s="1"/>
      <c r="AR28" s="1" t="s">
        <v>727</v>
      </c>
      <c r="AS28" s="1" t="s">
        <v>727</v>
      </c>
      <c r="AT28" s="1"/>
      <c r="AU28" s="1"/>
      <c r="AV28" s="1"/>
      <c r="AW28" s="1"/>
      <c r="AX28" s="1"/>
      <c r="AY28" s="1"/>
      <c r="AZ28" s="1" t="s">
        <v>732</v>
      </c>
      <c r="BA28" s="1">
        <v>1.4999999999999999E-2</v>
      </c>
      <c r="BB28" s="1" t="s">
        <v>734</v>
      </c>
      <c r="BC28" s="1">
        <v>0.89</v>
      </c>
      <c r="BD28" s="1">
        <v>0.94</v>
      </c>
      <c r="BF28" s="1" t="s">
        <v>733</v>
      </c>
      <c r="BG28" s="1">
        <v>6.9999999999999999E-4</v>
      </c>
      <c r="BH28" s="1">
        <v>0.02</v>
      </c>
      <c r="BI28" s="1" t="s">
        <v>723</v>
      </c>
      <c r="BJ28" s="1"/>
      <c r="BK28" s="1"/>
      <c r="BL28" s="1"/>
      <c r="BM28" s="1" t="s">
        <v>739</v>
      </c>
      <c r="BN28" s="1">
        <v>6.4000000000000001E-2</v>
      </c>
      <c r="BO28" s="1">
        <v>16</v>
      </c>
      <c r="BP28" s="1">
        <v>4.7</v>
      </c>
      <c r="BQ28" s="1"/>
      <c r="BR28" s="1" t="s">
        <v>741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6666666666666663</v>
      </c>
      <c r="C29" s="1" t="s">
        <v>704</v>
      </c>
      <c r="D29" s="1" t="s">
        <v>27</v>
      </c>
      <c r="E29" s="1" t="s">
        <v>28</v>
      </c>
      <c r="F29" s="1" t="s">
        <v>428</v>
      </c>
      <c r="G29" s="1" t="s">
        <v>214</v>
      </c>
      <c r="J29" s="1" t="s">
        <v>33</v>
      </c>
      <c r="K29" s="1" t="s">
        <v>611</v>
      </c>
      <c r="L29" s="1" t="s">
        <v>612</v>
      </c>
      <c r="N29" s="1" t="s">
        <v>36</v>
      </c>
      <c r="O29" s="1" t="s">
        <v>310</v>
      </c>
      <c r="P29" s="1" t="s">
        <v>38</v>
      </c>
      <c r="Q29" s="1" t="s">
        <v>69</v>
      </c>
      <c r="R29" s="1" t="s">
        <v>40</v>
      </c>
      <c r="S29" s="1" t="s">
        <v>62</v>
      </c>
      <c r="T29" s="1" t="s">
        <v>128</v>
      </c>
      <c r="U29" s="1">
        <v>8.5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15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2361111111111116</v>
      </c>
      <c r="C30" s="1" t="s">
        <v>704</v>
      </c>
      <c r="D30" s="1" t="s">
        <v>64</v>
      </c>
      <c r="E30" s="1" t="s">
        <v>28</v>
      </c>
      <c r="F30" s="1" t="s">
        <v>386</v>
      </c>
      <c r="G30" s="1" t="s">
        <v>230</v>
      </c>
      <c r="J30" s="1" t="s">
        <v>33</v>
      </c>
      <c r="K30" s="1" t="s">
        <v>613</v>
      </c>
      <c r="L30" s="1" t="s">
        <v>614</v>
      </c>
      <c r="N30" s="1" t="s">
        <v>36</v>
      </c>
      <c r="O30" s="1" t="s">
        <v>277</v>
      </c>
      <c r="P30" s="1" t="s">
        <v>38</v>
      </c>
      <c r="Q30" s="1" t="s">
        <v>127</v>
      </c>
      <c r="R30" s="1" t="s">
        <v>70</v>
      </c>
      <c r="S30" s="1" t="s">
        <v>111</v>
      </c>
      <c r="T30" s="1" t="s">
        <v>155</v>
      </c>
      <c r="U30" s="1">
        <v>8.1</v>
      </c>
      <c r="V30" s="1"/>
      <c r="W30" s="1"/>
      <c r="X30" s="1">
        <v>1</v>
      </c>
      <c r="Y30" s="1">
        <v>7.0999999999999994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6</v>
      </c>
      <c r="BP30" s="1">
        <v>4.7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23</v>
      </c>
      <c r="B31" s="2">
        <v>0.17361111111111113</v>
      </c>
      <c r="C31" s="1" t="s">
        <v>704</v>
      </c>
      <c r="D31" s="1" t="s">
        <v>64</v>
      </c>
      <c r="E31" s="1" t="s">
        <v>28</v>
      </c>
      <c r="F31" s="1" t="s">
        <v>230</v>
      </c>
      <c r="G31" s="1" t="s">
        <v>237</v>
      </c>
      <c r="J31" s="1" t="s">
        <v>33</v>
      </c>
      <c r="K31" s="1" t="s">
        <v>534</v>
      </c>
      <c r="L31" s="1" t="s">
        <v>398</v>
      </c>
      <c r="N31" s="1" t="s">
        <v>36</v>
      </c>
      <c r="O31" s="1" t="s">
        <v>277</v>
      </c>
      <c r="P31" s="1" t="s">
        <v>38</v>
      </c>
      <c r="Q31" s="1" t="s">
        <v>127</v>
      </c>
      <c r="R31" s="1" t="s">
        <v>144</v>
      </c>
      <c r="S31" s="1" t="s">
        <v>111</v>
      </c>
      <c r="T31" s="1" t="s">
        <v>128</v>
      </c>
      <c r="U31" s="1">
        <v>8.1999999999999993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6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25</v>
      </c>
      <c r="B32" s="2">
        <v>0.46180555555555558</v>
      </c>
      <c r="C32" s="1" t="s">
        <v>704</v>
      </c>
      <c r="D32" s="1" t="s">
        <v>64</v>
      </c>
      <c r="E32" s="1" t="s">
        <v>28</v>
      </c>
      <c r="F32" s="1" t="s">
        <v>174</v>
      </c>
      <c r="G32" s="1" t="s">
        <v>185</v>
      </c>
      <c r="H32" s="1" t="s">
        <v>202</v>
      </c>
      <c r="I32" s="1" t="s">
        <v>615</v>
      </c>
      <c r="J32" s="1" t="s">
        <v>108</v>
      </c>
      <c r="K32" s="1" t="s">
        <v>578</v>
      </c>
      <c r="L32" s="1" t="s">
        <v>35</v>
      </c>
      <c r="N32" s="1" t="s">
        <v>36</v>
      </c>
      <c r="O32" s="1" t="s">
        <v>37</v>
      </c>
      <c r="P32" s="1" t="s">
        <v>38</v>
      </c>
      <c r="Q32" s="1" t="s">
        <v>50</v>
      </c>
      <c r="R32" s="1" t="s">
        <v>40</v>
      </c>
      <c r="S32" s="1" t="s">
        <v>150</v>
      </c>
      <c r="T32" s="1" t="s">
        <v>42</v>
      </c>
      <c r="U32" s="1">
        <v>9.1</v>
      </c>
      <c r="V32" s="3">
        <v>4900</v>
      </c>
      <c r="W32" s="1"/>
      <c r="X32" s="1">
        <v>1.1000000000000001</v>
      </c>
      <c r="Y32" s="1">
        <v>9.5000000000000001E-2</v>
      </c>
      <c r="Z32" s="1">
        <v>3.8E-3</v>
      </c>
      <c r="AC32" s="1" t="s">
        <v>722</v>
      </c>
      <c r="AD32" s="1" t="s">
        <v>723</v>
      </c>
      <c r="AE32" s="1" t="s">
        <v>724</v>
      </c>
      <c r="AF32" s="1" t="s">
        <v>725</v>
      </c>
      <c r="AG32" s="1" t="s">
        <v>724</v>
      </c>
      <c r="AH32" s="1" t="s">
        <v>724</v>
      </c>
      <c r="AI32" s="1"/>
      <c r="AJ32" s="1"/>
      <c r="AK32" s="1"/>
      <c r="AL32" s="1" t="s">
        <v>727</v>
      </c>
      <c r="AM32" s="1"/>
      <c r="AN32" s="1"/>
      <c r="AO32" s="1"/>
      <c r="AP32" t="s">
        <v>727</v>
      </c>
      <c r="AQ32" s="1"/>
      <c r="AR32" s="1" t="s">
        <v>727</v>
      </c>
      <c r="AS32" s="1" t="s">
        <v>727</v>
      </c>
      <c r="AT32" s="1"/>
      <c r="AU32" s="1"/>
      <c r="AV32" s="1"/>
      <c r="AW32" s="1"/>
      <c r="AX32" s="1"/>
      <c r="AY32" s="1"/>
      <c r="AZ32" s="1"/>
      <c r="BA32" s="1"/>
      <c r="BB32" s="1" t="s">
        <v>734</v>
      </c>
      <c r="BC32" s="1">
        <v>1</v>
      </c>
      <c r="BD32" s="1">
        <v>1</v>
      </c>
      <c r="BF32" s="1"/>
      <c r="BG32" s="1"/>
      <c r="BH32" s="1"/>
      <c r="BI32" s="1"/>
      <c r="BJ32" s="1"/>
      <c r="BK32" s="1"/>
      <c r="BL32" s="1"/>
      <c r="BM32" s="1" t="s">
        <v>739</v>
      </c>
      <c r="BN32" s="1">
        <v>8.3000000000000004E-2</v>
      </c>
      <c r="BO32" s="1">
        <v>17</v>
      </c>
      <c r="BP32" s="1">
        <v>5.2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7361111111111116</v>
      </c>
      <c r="C33" s="1" t="s">
        <v>704</v>
      </c>
      <c r="D33" s="1" t="s">
        <v>64</v>
      </c>
      <c r="E33" s="1" t="s">
        <v>28</v>
      </c>
      <c r="F33" s="1" t="s">
        <v>392</v>
      </c>
      <c r="G33" s="1" t="s">
        <v>237</v>
      </c>
      <c r="H33" s="1" t="s">
        <v>95</v>
      </c>
      <c r="I33" s="1" t="s">
        <v>616</v>
      </c>
      <c r="J33" s="1" t="s">
        <v>120</v>
      </c>
      <c r="K33" s="1" t="s">
        <v>617</v>
      </c>
      <c r="L33" s="1" t="s">
        <v>35</v>
      </c>
      <c r="N33" s="1" t="s">
        <v>36</v>
      </c>
      <c r="O33" s="1" t="s">
        <v>37</v>
      </c>
      <c r="P33" s="1" t="s">
        <v>38</v>
      </c>
      <c r="Q33" s="1" t="s">
        <v>60</v>
      </c>
      <c r="R33" s="1" t="s">
        <v>61</v>
      </c>
      <c r="S33" s="1" t="s">
        <v>103</v>
      </c>
      <c r="T33" s="1" t="s">
        <v>42</v>
      </c>
      <c r="U33" s="1">
        <v>8.6999999999999993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7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2708333333333337</v>
      </c>
      <c r="C34" s="1" t="s">
        <v>704</v>
      </c>
      <c r="D34" s="1" t="s">
        <v>27</v>
      </c>
      <c r="E34" s="1" t="s">
        <v>28</v>
      </c>
      <c r="F34" s="1" t="s">
        <v>198</v>
      </c>
      <c r="G34" s="1" t="s">
        <v>618</v>
      </c>
      <c r="H34" s="1" t="s">
        <v>619</v>
      </c>
      <c r="I34" s="1" t="s">
        <v>620</v>
      </c>
      <c r="J34" s="1" t="s">
        <v>120</v>
      </c>
      <c r="K34" s="1" t="s">
        <v>121</v>
      </c>
      <c r="L34" s="1" t="s">
        <v>35</v>
      </c>
      <c r="N34" s="1" t="s">
        <v>36</v>
      </c>
      <c r="O34" s="1" t="s">
        <v>37</v>
      </c>
      <c r="P34" s="1" t="s">
        <v>38</v>
      </c>
      <c r="Q34" s="1" t="s">
        <v>127</v>
      </c>
      <c r="R34" s="1" t="s">
        <v>78</v>
      </c>
      <c r="S34" s="1" t="s">
        <v>62</v>
      </c>
      <c r="T34" s="1" t="s">
        <v>42</v>
      </c>
      <c r="U34" s="1">
        <v>9.5</v>
      </c>
      <c r="V34" s="1"/>
      <c r="W34" s="1"/>
      <c r="X34" s="1">
        <v>1.2</v>
      </c>
      <c r="Y34" s="1">
        <v>8.7999999999999995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17</v>
      </c>
      <c r="BP34" s="1">
        <v>5.4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90</v>
      </c>
      <c r="B35" s="2">
        <v>0.17361111111111113</v>
      </c>
      <c r="C35" s="1" t="s">
        <v>704</v>
      </c>
      <c r="D35" s="1" t="s">
        <v>27</v>
      </c>
      <c r="E35" s="1" t="s">
        <v>28</v>
      </c>
      <c r="F35" s="1" t="s">
        <v>621</v>
      </c>
      <c r="G35" s="1" t="s">
        <v>186</v>
      </c>
      <c r="H35" s="1" t="s">
        <v>95</v>
      </c>
      <c r="I35" s="1" t="s">
        <v>622</v>
      </c>
      <c r="J35" s="1" t="s">
        <v>33</v>
      </c>
      <c r="K35" s="1" t="s">
        <v>534</v>
      </c>
      <c r="L35" s="1" t="s">
        <v>35</v>
      </c>
      <c r="N35" s="1" t="s">
        <v>36</v>
      </c>
      <c r="O35" s="1" t="s">
        <v>37</v>
      </c>
      <c r="P35" s="1" t="s">
        <v>38</v>
      </c>
      <c r="Q35" s="1" t="s">
        <v>127</v>
      </c>
      <c r="R35" s="1" t="s">
        <v>52</v>
      </c>
      <c r="S35" s="1" t="s">
        <v>135</v>
      </c>
      <c r="T35" s="1" t="s">
        <v>42</v>
      </c>
      <c r="U35" s="1">
        <v>8.6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7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97</v>
      </c>
      <c r="B36" s="2">
        <v>0.46180555555555558</v>
      </c>
      <c r="C36" s="1" t="s">
        <v>704</v>
      </c>
      <c r="D36" s="1" t="s">
        <v>27</v>
      </c>
      <c r="E36" s="1" t="s">
        <v>28</v>
      </c>
      <c r="F36" s="1" t="s">
        <v>29</v>
      </c>
      <c r="G36" s="1" t="s">
        <v>623</v>
      </c>
      <c r="H36" s="1" t="s">
        <v>143</v>
      </c>
      <c r="I36" s="1" t="s">
        <v>624</v>
      </c>
      <c r="J36" s="1" t="s">
        <v>122</v>
      </c>
      <c r="K36" s="1" t="s">
        <v>308</v>
      </c>
      <c r="L36" s="1" t="s">
        <v>35</v>
      </c>
      <c r="N36" s="1" t="s">
        <v>36</v>
      </c>
      <c r="O36" s="1" t="s">
        <v>37</v>
      </c>
      <c r="P36" s="1" t="s">
        <v>38</v>
      </c>
      <c r="Q36" s="1" t="s">
        <v>50</v>
      </c>
      <c r="R36" s="1" t="s">
        <v>61</v>
      </c>
      <c r="S36" s="1" t="s">
        <v>291</v>
      </c>
      <c r="T36" s="1" t="s">
        <v>155</v>
      </c>
      <c r="U36" s="1">
        <v>9.1</v>
      </c>
      <c r="V36" s="3">
        <v>4900</v>
      </c>
      <c r="W36" s="1"/>
      <c r="X36" s="1">
        <v>1.2</v>
      </c>
      <c r="Y36" s="1">
        <v>0.1</v>
      </c>
      <c r="Z36" s="1">
        <v>1.2999999999999999E-3</v>
      </c>
      <c r="AC36" s="1" t="s">
        <v>722</v>
      </c>
      <c r="AD36" s="1" t="s">
        <v>723</v>
      </c>
      <c r="AE36" s="1" t="s">
        <v>724</v>
      </c>
      <c r="AF36" s="1" t="s">
        <v>725</v>
      </c>
      <c r="AG36" s="1" t="s">
        <v>724</v>
      </c>
      <c r="AH36" s="1" t="s">
        <v>724</v>
      </c>
      <c r="AI36" s="1"/>
      <c r="AJ36" s="1"/>
      <c r="AK36" s="1"/>
      <c r="AL36" s="1" t="s">
        <v>727</v>
      </c>
      <c r="AM36" s="1"/>
      <c r="AN36" s="1"/>
      <c r="AO36" s="1"/>
      <c r="AP36" t="s">
        <v>727</v>
      </c>
      <c r="AQ36" s="1"/>
      <c r="AR36" s="1" t="s">
        <v>727</v>
      </c>
      <c r="AS36" s="1" t="s">
        <v>727</v>
      </c>
      <c r="AT36" s="1"/>
      <c r="AU36" s="1"/>
      <c r="AV36" s="1"/>
      <c r="AW36" s="1"/>
      <c r="AX36" s="1"/>
      <c r="AY36" s="1"/>
      <c r="AZ36" s="1" t="s">
        <v>732</v>
      </c>
      <c r="BA36" s="1">
        <v>1.6E-2</v>
      </c>
      <c r="BB36" s="1" t="s">
        <v>734</v>
      </c>
      <c r="BC36" s="1">
        <v>1</v>
      </c>
      <c r="BD36" s="1">
        <v>1</v>
      </c>
      <c r="BF36" s="1" t="s">
        <v>733</v>
      </c>
      <c r="BG36" s="1">
        <v>1.4E-3</v>
      </c>
      <c r="BH36" s="1" t="s">
        <v>725</v>
      </c>
      <c r="BI36" s="1" t="s">
        <v>723</v>
      </c>
      <c r="BJ36" s="1"/>
      <c r="BK36" s="1"/>
      <c r="BL36" s="1"/>
      <c r="BM36" s="1" t="s">
        <v>739</v>
      </c>
      <c r="BN36" s="1">
        <v>8.7999999999999995E-2</v>
      </c>
      <c r="BO36" s="1">
        <v>17</v>
      </c>
      <c r="BP36" s="1">
        <v>5.3</v>
      </c>
      <c r="BQ36" s="1"/>
      <c r="BR36" s="1" t="s">
        <v>741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704</v>
      </c>
      <c r="D37" s="1" t="s">
        <v>27</v>
      </c>
      <c r="E37" s="1" t="s">
        <v>28</v>
      </c>
      <c r="F37" s="1" t="s">
        <v>230</v>
      </c>
      <c r="G37" s="1" t="s">
        <v>545</v>
      </c>
      <c r="H37" s="1" t="s">
        <v>137</v>
      </c>
      <c r="I37" s="1" t="s">
        <v>625</v>
      </c>
      <c r="J37" s="1" t="s">
        <v>122</v>
      </c>
      <c r="K37" s="1" t="s">
        <v>302</v>
      </c>
      <c r="L37" s="1" t="s">
        <v>35</v>
      </c>
      <c r="N37" s="1" t="s">
        <v>36</v>
      </c>
      <c r="O37" s="1" t="s">
        <v>37</v>
      </c>
      <c r="P37" s="1" t="s">
        <v>38</v>
      </c>
      <c r="Q37" s="1" t="s">
        <v>50</v>
      </c>
      <c r="R37" s="1" t="s">
        <v>51</v>
      </c>
      <c r="S37" s="1" t="s">
        <v>116</v>
      </c>
      <c r="T37" s="1" t="s">
        <v>155</v>
      </c>
      <c r="U37" s="1">
        <v>8.9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17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3055555555555547</v>
      </c>
      <c r="C38" s="1" t="s">
        <v>704</v>
      </c>
      <c r="D38" s="1" t="s">
        <v>64</v>
      </c>
      <c r="E38" s="1" t="s">
        <v>28</v>
      </c>
      <c r="F38" s="1" t="s">
        <v>332</v>
      </c>
      <c r="G38" s="1" t="s">
        <v>45</v>
      </c>
      <c r="H38" s="1" t="s">
        <v>137</v>
      </c>
      <c r="I38" s="1" t="s">
        <v>626</v>
      </c>
      <c r="J38" s="1" t="s">
        <v>120</v>
      </c>
      <c r="K38" s="1" t="s">
        <v>121</v>
      </c>
      <c r="L38" s="1" t="s">
        <v>35</v>
      </c>
      <c r="N38" s="1" t="s">
        <v>36</v>
      </c>
      <c r="O38" s="1" t="s">
        <v>37</v>
      </c>
      <c r="P38" s="1" t="s">
        <v>38</v>
      </c>
      <c r="Q38" s="1" t="s">
        <v>127</v>
      </c>
      <c r="R38" s="1" t="s">
        <v>78</v>
      </c>
      <c r="S38" s="1" t="s">
        <v>150</v>
      </c>
      <c r="T38" s="1" t="s">
        <v>42</v>
      </c>
      <c r="U38" s="1">
        <v>8.9</v>
      </c>
      <c r="V38" s="1"/>
      <c r="W38" s="1"/>
      <c r="X38" s="1">
        <v>1.2</v>
      </c>
      <c r="Y38" s="1">
        <v>0.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7</v>
      </c>
      <c r="BP38" s="1">
        <v>5.5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43</v>
      </c>
      <c r="B39" s="2">
        <v>0.17361111111111113</v>
      </c>
      <c r="C39" s="1" t="s">
        <v>704</v>
      </c>
      <c r="D39" s="1" t="s">
        <v>64</v>
      </c>
      <c r="E39" s="1" t="s">
        <v>28</v>
      </c>
      <c r="F39" s="1" t="s">
        <v>156</v>
      </c>
      <c r="G39" s="1" t="s">
        <v>474</v>
      </c>
      <c r="H39" s="1" t="s">
        <v>137</v>
      </c>
      <c r="I39" s="1" t="s">
        <v>627</v>
      </c>
      <c r="J39" s="1" t="s">
        <v>33</v>
      </c>
      <c r="K39" s="1" t="s">
        <v>534</v>
      </c>
      <c r="L39" s="1" t="s">
        <v>35</v>
      </c>
      <c r="N39" s="1" t="s">
        <v>36</v>
      </c>
      <c r="O39" s="1" t="s">
        <v>37</v>
      </c>
      <c r="P39" s="1" t="s">
        <v>38</v>
      </c>
      <c r="Q39" s="1" t="s">
        <v>127</v>
      </c>
      <c r="R39" s="1" t="s">
        <v>61</v>
      </c>
      <c r="S39" s="1" t="s">
        <v>111</v>
      </c>
      <c r="T39" s="1" t="s">
        <v>42</v>
      </c>
      <c r="U39" s="1">
        <v>8.4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7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04</v>
      </c>
      <c r="B40" s="2">
        <v>0.46527777777777773</v>
      </c>
      <c r="C40" s="1" t="s">
        <v>704</v>
      </c>
      <c r="D40" s="1" t="s">
        <v>27</v>
      </c>
      <c r="E40" s="1" t="s">
        <v>28</v>
      </c>
      <c r="F40" s="1" t="s">
        <v>359</v>
      </c>
      <c r="G40" s="1" t="s">
        <v>628</v>
      </c>
      <c r="H40" s="1" t="s">
        <v>333</v>
      </c>
      <c r="I40" s="1" t="s">
        <v>629</v>
      </c>
      <c r="J40" s="1" t="s">
        <v>122</v>
      </c>
      <c r="K40" s="1" t="s">
        <v>305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77</v>
      </c>
      <c r="R40" s="1" t="s">
        <v>40</v>
      </c>
      <c r="S40" s="1" t="s">
        <v>103</v>
      </c>
      <c r="T40" s="1" t="s">
        <v>155</v>
      </c>
      <c r="U40" s="1">
        <v>8.5</v>
      </c>
      <c r="V40" s="3">
        <v>7000</v>
      </c>
      <c r="W40" s="1"/>
      <c r="X40" s="1">
        <v>1.3</v>
      </c>
      <c r="Y40" s="1">
        <v>0.1</v>
      </c>
      <c r="Z40" s="1">
        <v>1.6999999999999999E-3</v>
      </c>
      <c r="AC40" s="1" t="s">
        <v>722</v>
      </c>
      <c r="AD40" s="1" t="s">
        <v>723</v>
      </c>
      <c r="AE40" s="1" t="s">
        <v>724</v>
      </c>
      <c r="AF40" s="1" t="s">
        <v>725</v>
      </c>
      <c r="AG40" s="1" t="s">
        <v>724</v>
      </c>
      <c r="AH40" s="1" t="s">
        <v>724</v>
      </c>
      <c r="AI40" s="1"/>
      <c r="AJ40" s="1"/>
      <c r="AK40" s="1"/>
      <c r="AL40" s="1" t="s">
        <v>727</v>
      </c>
      <c r="AM40" s="1"/>
      <c r="AN40" s="1"/>
      <c r="AO40" s="1"/>
      <c r="AP40" t="s">
        <v>727</v>
      </c>
      <c r="AQ40" s="1"/>
      <c r="AR40" s="1" t="s">
        <v>727</v>
      </c>
      <c r="AS40" s="1" t="s">
        <v>727</v>
      </c>
      <c r="AT40" s="1"/>
      <c r="AU40" s="1"/>
      <c r="AV40" s="1"/>
      <c r="AW40" s="1"/>
      <c r="AX40" s="1"/>
      <c r="AY40" s="1"/>
      <c r="AZ40" s="1"/>
      <c r="BA40" s="1"/>
      <c r="BB40" s="1" t="s">
        <v>734</v>
      </c>
      <c r="BC40" s="1">
        <v>1</v>
      </c>
      <c r="BD40" s="1">
        <v>1</v>
      </c>
      <c r="BF40" s="1"/>
      <c r="BG40" s="1"/>
      <c r="BH40" s="1"/>
      <c r="BI40" s="1"/>
      <c r="BJ40" s="1"/>
      <c r="BK40" s="1"/>
      <c r="BL40" s="1"/>
      <c r="BM40" s="1" t="s">
        <v>739</v>
      </c>
      <c r="BN40" s="1">
        <v>9.5000000000000001E-2</v>
      </c>
      <c r="BO40" s="1">
        <v>17</v>
      </c>
      <c r="BP40" s="1">
        <v>4.7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875</v>
      </c>
      <c r="C41" s="1" t="s">
        <v>704</v>
      </c>
      <c r="D41" s="1" t="s">
        <v>27</v>
      </c>
      <c r="E41" s="1" t="s">
        <v>28</v>
      </c>
      <c r="F41" s="1" t="s">
        <v>107</v>
      </c>
      <c r="G41" s="1" t="s">
        <v>548</v>
      </c>
      <c r="H41" s="1" t="s">
        <v>333</v>
      </c>
      <c r="I41" s="1" t="s">
        <v>630</v>
      </c>
      <c r="J41" s="1" t="s">
        <v>120</v>
      </c>
      <c r="K41" s="1" t="s">
        <v>576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60</v>
      </c>
      <c r="R41" s="1" t="s">
        <v>96</v>
      </c>
      <c r="S41" s="1" t="s">
        <v>150</v>
      </c>
      <c r="T41" s="1" t="s">
        <v>155</v>
      </c>
      <c r="U41" s="1">
        <v>10.199999999999999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7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4097222222222221</v>
      </c>
      <c r="C42" s="1" t="s">
        <v>704</v>
      </c>
      <c r="D42" s="1" t="s">
        <v>27</v>
      </c>
      <c r="E42" s="1" t="s">
        <v>28</v>
      </c>
      <c r="F42" s="1" t="s">
        <v>103</v>
      </c>
      <c r="G42" s="1" t="s">
        <v>91</v>
      </c>
      <c r="H42" s="1" t="s">
        <v>333</v>
      </c>
      <c r="I42" s="1" t="s">
        <v>631</v>
      </c>
      <c r="J42" s="1" t="s">
        <v>120</v>
      </c>
      <c r="K42" s="1" t="s">
        <v>188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39</v>
      </c>
      <c r="R42" s="1" t="s">
        <v>96</v>
      </c>
      <c r="S42" s="1" t="s">
        <v>62</v>
      </c>
      <c r="T42" s="1" t="s">
        <v>42</v>
      </c>
      <c r="U42" s="1">
        <v>10.7</v>
      </c>
      <c r="V42" s="1"/>
      <c r="W42" s="1"/>
      <c r="X42" s="1">
        <v>1.2</v>
      </c>
      <c r="Y42" s="1">
        <v>9.9000000000000005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17</v>
      </c>
      <c r="BP42" s="1">
        <v>4.9000000000000004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54</v>
      </c>
      <c r="B43" s="2">
        <v>0.1875</v>
      </c>
      <c r="C43" s="1" t="s">
        <v>704</v>
      </c>
      <c r="D43" s="1" t="s">
        <v>27</v>
      </c>
      <c r="E43" s="1" t="s">
        <v>28</v>
      </c>
      <c r="F43" s="1" t="s">
        <v>290</v>
      </c>
      <c r="G43" s="1" t="s">
        <v>149</v>
      </c>
      <c r="H43" s="1" t="s">
        <v>333</v>
      </c>
      <c r="I43" s="1" t="s">
        <v>632</v>
      </c>
      <c r="J43" s="1" t="s">
        <v>120</v>
      </c>
      <c r="K43" s="1" t="s">
        <v>576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39</v>
      </c>
      <c r="R43" s="1" t="s">
        <v>144</v>
      </c>
      <c r="S43" s="1" t="s">
        <v>111</v>
      </c>
      <c r="T43" s="1" t="s">
        <v>42</v>
      </c>
      <c r="U43" s="1">
        <v>9.8000000000000007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17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57</v>
      </c>
      <c r="B44" s="2">
        <v>0.4861111111111111</v>
      </c>
      <c r="C44" s="1" t="s">
        <v>704</v>
      </c>
      <c r="D44" s="1" t="s">
        <v>64</v>
      </c>
      <c r="E44" s="1" t="s">
        <v>28</v>
      </c>
      <c r="F44" s="1" t="s">
        <v>584</v>
      </c>
      <c r="G44" s="1" t="s">
        <v>118</v>
      </c>
      <c r="H44" s="1" t="s">
        <v>48</v>
      </c>
      <c r="I44" s="1" t="s">
        <v>633</v>
      </c>
      <c r="J44" s="1" t="s">
        <v>131</v>
      </c>
      <c r="K44" s="1" t="s">
        <v>634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69</v>
      </c>
      <c r="R44" s="1" t="s">
        <v>52</v>
      </c>
      <c r="S44" s="1" t="s">
        <v>111</v>
      </c>
      <c r="T44" s="1" t="s">
        <v>155</v>
      </c>
      <c r="U44" s="1">
        <v>10.1</v>
      </c>
      <c r="V44" s="3">
        <v>2300</v>
      </c>
      <c r="W44" s="1" t="s">
        <v>728</v>
      </c>
      <c r="X44" s="1">
        <v>1.2</v>
      </c>
      <c r="Y44" s="1">
        <v>0.11</v>
      </c>
      <c r="Z44" s="1">
        <v>1.8E-3</v>
      </c>
      <c r="AC44" s="1" t="s">
        <v>722</v>
      </c>
      <c r="AD44" s="1" t="s">
        <v>723</v>
      </c>
      <c r="AE44" s="1" t="s">
        <v>724</v>
      </c>
      <c r="AF44" s="1" t="s">
        <v>725</v>
      </c>
      <c r="AG44" s="1" t="s">
        <v>724</v>
      </c>
      <c r="AH44" s="1" t="s">
        <v>724</v>
      </c>
      <c r="AI44" s="1"/>
      <c r="AJ44" s="1"/>
      <c r="AK44" s="1" t="s">
        <v>727</v>
      </c>
      <c r="AL44" s="1" t="s">
        <v>727</v>
      </c>
      <c r="AM44" s="1" t="s">
        <v>727</v>
      </c>
      <c r="AN44" s="1" t="s">
        <v>727</v>
      </c>
      <c r="AO44" s="1" t="s">
        <v>727</v>
      </c>
      <c r="AP44" t="s">
        <v>727</v>
      </c>
      <c r="AQ44" s="1" t="s">
        <v>727</v>
      </c>
      <c r="AR44" s="1" t="s">
        <v>727</v>
      </c>
      <c r="AS44" s="1" t="s">
        <v>727</v>
      </c>
      <c r="AT44" s="1" t="s">
        <v>735</v>
      </c>
      <c r="AU44" s="1"/>
      <c r="AV44" s="1"/>
      <c r="AW44" s="1"/>
      <c r="AX44" s="1" t="s">
        <v>727</v>
      </c>
      <c r="AY44" s="1" t="s">
        <v>724</v>
      </c>
      <c r="AZ44" s="1" t="s">
        <v>732</v>
      </c>
      <c r="BA44" s="1">
        <v>1.4E-2</v>
      </c>
      <c r="BB44" s="1" t="s">
        <v>734</v>
      </c>
      <c r="BC44" s="1">
        <v>1</v>
      </c>
      <c r="BD44" s="1">
        <v>1</v>
      </c>
      <c r="BF44" s="1" t="s">
        <v>733</v>
      </c>
      <c r="BG44" s="1">
        <v>1.2999999999999999E-3</v>
      </c>
      <c r="BH44" s="1" t="s">
        <v>725</v>
      </c>
      <c r="BI44" s="1" t="s">
        <v>723</v>
      </c>
      <c r="BJ44" s="1"/>
      <c r="BK44" s="1"/>
      <c r="BL44" s="1" t="s">
        <v>740</v>
      </c>
      <c r="BM44" s="1">
        <v>0.06</v>
      </c>
      <c r="BN44" s="1">
        <v>9.5000000000000001E-2</v>
      </c>
      <c r="BO44" s="1">
        <v>17</v>
      </c>
      <c r="BP44" s="1">
        <v>4.8</v>
      </c>
      <c r="BQ44" s="1"/>
      <c r="BR44" s="1" t="s">
        <v>741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8819444444444444</v>
      </c>
      <c r="C45" s="1" t="s">
        <v>704</v>
      </c>
      <c r="D45" s="1" t="s">
        <v>64</v>
      </c>
      <c r="E45" s="1" t="s">
        <v>28</v>
      </c>
      <c r="F45" s="1" t="s">
        <v>635</v>
      </c>
      <c r="G45" s="1" t="s">
        <v>447</v>
      </c>
      <c r="H45" s="1" t="s">
        <v>48</v>
      </c>
      <c r="I45" s="1" t="s">
        <v>636</v>
      </c>
      <c r="J45" s="1" t="s">
        <v>131</v>
      </c>
      <c r="K45" s="1" t="s">
        <v>140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50</v>
      </c>
      <c r="R45" s="1" t="s">
        <v>70</v>
      </c>
      <c r="S45" s="1" t="s">
        <v>291</v>
      </c>
      <c r="T45" s="1" t="s">
        <v>155</v>
      </c>
      <c r="U45" s="1">
        <v>9.8000000000000007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17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4444444444444453</v>
      </c>
      <c r="C46" s="1" t="s">
        <v>704</v>
      </c>
      <c r="D46" s="1" t="s">
        <v>64</v>
      </c>
      <c r="E46" s="1" t="s">
        <v>28</v>
      </c>
      <c r="F46" s="1" t="s">
        <v>250</v>
      </c>
      <c r="G46" s="1" t="s">
        <v>350</v>
      </c>
      <c r="H46" s="1" t="s">
        <v>48</v>
      </c>
      <c r="I46" s="1" t="s">
        <v>637</v>
      </c>
      <c r="J46" s="1" t="s">
        <v>131</v>
      </c>
      <c r="K46" s="1" t="s">
        <v>109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127</v>
      </c>
      <c r="R46" s="1" t="s">
        <v>70</v>
      </c>
      <c r="S46" s="1" t="s">
        <v>111</v>
      </c>
      <c r="T46" s="1" t="s">
        <v>42</v>
      </c>
      <c r="U46" s="1">
        <v>9.9</v>
      </c>
      <c r="V46" s="1"/>
      <c r="W46" s="1"/>
      <c r="X46" s="1">
        <v>1.2</v>
      </c>
      <c r="Y46" s="1">
        <v>0.1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7</v>
      </c>
      <c r="BP46" s="1">
        <v>5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61</v>
      </c>
      <c r="B47" s="2">
        <v>0.19791666666666666</v>
      </c>
      <c r="C47" s="1" t="s">
        <v>704</v>
      </c>
      <c r="D47" s="1" t="s">
        <v>64</v>
      </c>
      <c r="E47" s="1" t="s">
        <v>28</v>
      </c>
      <c r="F47" s="1" t="s">
        <v>278</v>
      </c>
      <c r="G47" s="1" t="s">
        <v>638</v>
      </c>
      <c r="H47" s="1" t="s">
        <v>48</v>
      </c>
      <c r="I47" s="1" t="s">
        <v>558</v>
      </c>
      <c r="J47" s="1" t="s">
        <v>131</v>
      </c>
      <c r="K47" s="1" t="s">
        <v>639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127</v>
      </c>
      <c r="R47" s="1" t="s">
        <v>70</v>
      </c>
      <c r="S47" s="1" t="s">
        <v>103</v>
      </c>
      <c r="T47" s="1" t="s">
        <v>42</v>
      </c>
      <c r="U47" s="1">
        <v>9.3000000000000007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7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17</v>
      </c>
      <c r="B48" s="2">
        <v>0.4513888888888889</v>
      </c>
      <c r="C48" s="1" t="s">
        <v>704</v>
      </c>
      <c r="D48" s="1" t="s">
        <v>64</v>
      </c>
      <c r="E48" s="1" t="s">
        <v>28</v>
      </c>
      <c r="F48" s="1" t="s">
        <v>640</v>
      </c>
      <c r="G48" s="1" t="s">
        <v>129</v>
      </c>
      <c r="H48" s="1" t="s">
        <v>122</v>
      </c>
      <c r="I48" s="1" t="s">
        <v>641</v>
      </c>
      <c r="J48" s="1" t="s">
        <v>108</v>
      </c>
      <c r="K48" s="1" t="s">
        <v>288</v>
      </c>
      <c r="L48" s="1" t="s">
        <v>35</v>
      </c>
      <c r="N48" s="1" t="s">
        <v>36</v>
      </c>
      <c r="O48" s="1" t="s">
        <v>37</v>
      </c>
      <c r="P48" s="1" t="s">
        <v>38</v>
      </c>
      <c r="Q48" s="1" t="s">
        <v>69</v>
      </c>
      <c r="R48" s="1" t="s">
        <v>70</v>
      </c>
      <c r="S48" s="1" t="s">
        <v>291</v>
      </c>
      <c r="T48" s="1" t="s">
        <v>155</v>
      </c>
      <c r="U48" s="1">
        <v>9.8000000000000007</v>
      </c>
      <c r="V48" s="3">
        <v>13000</v>
      </c>
      <c r="W48" s="1"/>
      <c r="X48" s="1">
        <v>1.3</v>
      </c>
      <c r="Y48" s="1">
        <v>9.9000000000000005E-2</v>
      </c>
      <c r="Z48" s="1">
        <v>5.0000000000000001E-4</v>
      </c>
      <c r="AC48" s="1" t="s">
        <v>722</v>
      </c>
      <c r="AD48" s="1" t="s">
        <v>723</v>
      </c>
      <c r="AE48" s="1" t="s">
        <v>724</v>
      </c>
      <c r="AF48" s="1" t="s">
        <v>725</v>
      </c>
      <c r="AG48" s="1" t="s">
        <v>724</v>
      </c>
      <c r="AH48" s="1" t="s">
        <v>724</v>
      </c>
      <c r="AI48" s="1"/>
      <c r="AJ48" s="1"/>
      <c r="AK48" s="1"/>
      <c r="AL48" s="1" t="s">
        <v>727</v>
      </c>
      <c r="AM48" s="1"/>
      <c r="AN48" s="1"/>
      <c r="AO48" s="1"/>
      <c r="AP48" t="s">
        <v>727</v>
      </c>
      <c r="AQ48" s="1"/>
      <c r="AR48" s="1" t="s">
        <v>727</v>
      </c>
      <c r="AS48" s="1" t="s">
        <v>727</v>
      </c>
      <c r="AT48" s="1"/>
      <c r="AU48" s="1" t="s">
        <v>724</v>
      </c>
      <c r="AV48" s="1" t="s">
        <v>722</v>
      </c>
      <c r="AW48" s="1" t="s">
        <v>722</v>
      </c>
      <c r="AX48" s="1"/>
      <c r="AY48" s="1"/>
      <c r="AZ48" s="1"/>
      <c r="BA48" s="1"/>
      <c r="BB48" s="1" t="s">
        <v>734</v>
      </c>
      <c r="BC48" s="1">
        <v>1.1000000000000001</v>
      </c>
      <c r="BD48" s="1">
        <v>1.1000000000000001</v>
      </c>
      <c r="BF48" s="1"/>
      <c r="BG48" s="1"/>
      <c r="BH48" s="1"/>
      <c r="BI48" s="1"/>
      <c r="BJ48" s="1"/>
      <c r="BK48" s="1"/>
      <c r="BL48" s="1"/>
      <c r="BM48" s="1" t="s">
        <v>739</v>
      </c>
      <c r="BN48" s="1">
        <v>8.3000000000000004E-2</v>
      </c>
      <c r="BO48" s="1">
        <v>17</v>
      </c>
      <c r="BP48" s="1">
        <v>5.3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875</v>
      </c>
      <c r="C49" s="1" t="s">
        <v>704</v>
      </c>
      <c r="D49" s="1" t="s">
        <v>64</v>
      </c>
      <c r="E49" s="1" t="s">
        <v>28</v>
      </c>
      <c r="F49" s="1" t="s">
        <v>92</v>
      </c>
      <c r="G49" s="1" t="s">
        <v>445</v>
      </c>
      <c r="H49" s="1" t="s">
        <v>131</v>
      </c>
      <c r="I49" s="1" t="s">
        <v>642</v>
      </c>
      <c r="J49" s="1" t="s">
        <v>120</v>
      </c>
      <c r="K49" s="1" t="s">
        <v>643</v>
      </c>
      <c r="L49" s="1" t="s">
        <v>35</v>
      </c>
      <c r="N49" s="1" t="s">
        <v>36</v>
      </c>
      <c r="O49" s="1" t="s">
        <v>37</v>
      </c>
      <c r="P49" s="1" t="s">
        <v>38</v>
      </c>
      <c r="Q49" s="1" t="s">
        <v>60</v>
      </c>
      <c r="R49" s="1" t="s">
        <v>40</v>
      </c>
      <c r="S49" s="1" t="s">
        <v>278</v>
      </c>
      <c r="T49" s="1" t="s">
        <v>303</v>
      </c>
      <c r="U49" s="1">
        <v>9.4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17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2708333333333337</v>
      </c>
      <c r="C50" s="1" t="s">
        <v>704</v>
      </c>
      <c r="D50" s="1" t="s">
        <v>195</v>
      </c>
      <c r="E50" s="1" t="s">
        <v>28</v>
      </c>
      <c r="F50" s="1" t="s">
        <v>118</v>
      </c>
      <c r="G50" s="1" t="s">
        <v>335</v>
      </c>
      <c r="H50" s="1" t="s">
        <v>33</v>
      </c>
      <c r="I50" s="1" t="s">
        <v>644</v>
      </c>
      <c r="J50" s="1" t="s">
        <v>120</v>
      </c>
      <c r="K50" s="1" t="s">
        <v>617</v>
      </c>
      <c r="L50" s="1" t="s">
        <v>35</v>
      </c>
      <c r="N50" s="1" t="s">
        <v>36</v>
      </c>
      <c r="O50" s="1" t="s">
        <v>37</v>
      </c>
      <c r="P50" s="1" t="s">
        <v>38</v>
      </c>
      <c r="Q50" s="1" t="s">
        <v>69</v>
      </c>
      <c r="R50" s="1" t="s">
        <v>41</v>
      </c>
      <c r="S50" s="1" t="s">
        <v>278</v>
      </c>
      <c r="T50" s="1" t="s">
        <v>303</v>
      </c>
      <c r="U50" s="1">
        <v>8.9</v>
      </c>
      <c r="V50" s="1"/>
      <c r="W50" s="1"/>
      <c r="X50" s="1">
        <v>1.4</v>
      </c>
      <c r="Y50" s="1">
        <v>0.11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18</v>
      </c>
      <c r="BP50" s="1">
        <v>8.1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372</v>
      </c>
      <c r="B51" s="2">
        <v>0.18055555555555555</v>
      </c>
      <c r="C51" s="1" t="s">
        <v>704</v>
      </c>
      <c r="D51" s="1" t="s">
        <v>195</v>
      </c>
      <c r="E51" s="1" t="s">
        <v>28</v>
      </c>
      <c r="F51" s="1" t="s">
        <v>114</v>
      </c>
      <c r="G51" s="1" t="s">
        <v>146</v>
      </c>
      <c r="H51" s="1" t="s">
        <v>131</v>
      </c>
      <c r="I51" s="1" t="s">
        <v>645</v>
      </c>
      <c r="J51" s="1" t="s">
        <v>120</v>
      </c>
      <c r="K51" s="1" t="s">
        <v>643</v>
      </c>
      <c r="L51" s="1" t="s">
        <v>35</v>
      </c>
      <c r="N51" s="1" t="s">
        <v>36</v>
      </c>
      <c r="O51" s="1" t="s">
        <v>37</v>
      </c>
      <c r="P51" s="1" t="s">
        <v>38</v>
      </c>
      <c r="Q51" s="1" t="s">
        <v>39</v>
      </c>
      <c r="R51" s="1" t="s">
        <v>144</v>
      </c>
      <c r="S51" s="1" t="s">
        <v>557</v>
      </c>
      <c r="T51" s="1" t="s">
        <v>128</v>
      </c>
      <c r="U51" s="1">
        <v>8.9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6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5" spans="21:21" x14ac:dyDescent="0.15">
      <c r="U655" s="1"/>
    </row>
    <row r="656" spans="21:21" x14ac:dyDescent="0.15">
      <c r="U656" s="1"/>
    </row>
    <row r="657" spans="21:21" x14ac:dyDescent="0.15">
      <c r="U657" s="1"/>
    </row>
    <row r="658" spans="21:21" x14ac:dyDescent="0.15">
      <c r="U658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県境</vt:lpstr>
      <vt:lpstr>峰下橋</vt:lpstr>
      <vt:lpstr>十文字橋</vt:lpstr>
      <vt:lpstr>報徳橋</vt:lpstr>
      <vt:lpstr>飯泉取水堰（上）</vt:lpstr>
      <vt:lpstr>酒匂橋</vt:lpstr>
      <vt:lpstr>文久橋</vt:lpstr>
      <vt:lpstr>狩川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8:52Z</dcterms:created>
  <dcterms:modified xsi:type="dcterms:W3CDTF">2020-03-21T09:51:09Z</dcterms:modified>
</cp:coreProperties>
</file>